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27 山北町★　水道、下水道\"/>
    </mc:Choice>
  </mc:AlternateContent>
  <workbookProtection workbookAlgorithmName="SHA-512" workbookHashValue="5FJewPwzVxHu3mWG2FvE8mIGJI0EhsN+hxYEFP+bhJBOwtBFKvh0yt9C7se+N0BX3qjPD6lE8niuBbMm/QQThg==" workbookSaltValue="ln4TliUPnpASombT8dHGGQ==" workbookSpinCount="100000" lockStructure="1"/>
  <bookViews>
    <workbookView xWindow="0" yWindow="0" windowWidth="23040" windowHeight="8304"/>
  </bookViews>
  <sheets>
    <sheet name="法非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K86" i="4" s="1"/>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AD10" i="4" s="1"/>
  <c r="Q6" i="5"/>
  <c r="P6" i="5"/>
  <c r="O6" i="5"/>
  <c r="N6" i="5"/>
  <c r="B10" i="4" s="1"/>
  <c r="M6" i="5"/>
  <c r="AD8" i="4" s="1"/>
  <c r="L6" i="5"/>
  <c r="K6" i="5"/>
  <c r="J6" i="5"/>
  <c r="I6" i="5"/>
  <c r="B8" i="4" s="1"/>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J86" i="4"/>
  <c r="I86" i="4"/>
  <c r="H86" i="4"/>
  <c r="E86" i="4"/>
  <c r="BB10" i="4"/>
  <c r="AT10" i="4"/>
  <c r="AL10" i="4"/>
  <c r="W10" i="4"/>
  <c r="P10" i="4"/>
  <c r="I10" i="4"/>
  <c r="BB8" i="4"/>
  <c r="AT8" i="4"/>
  <c r="AL8" i="4"/>
  <c r="W8" i="4"/>
  <c r="P8" i="4"/>
  <c r="I8" i="4"/>
  <c r="B6" i="4"/>
</calcChain>
</file>

<file path=xl/sharedStrings.xml><?xml version="1.0" encoding="utf-8"?>
<sst xmlns="http://schemas.openxmlformats.org/spreadsheetml/2006/main" count="241" uniqueCount="120">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山北町</t>
  </si>
  <si>
    <t>法非適用</t>
  </si>
  <si>
    <t>下水道事業</t>
  </si>
  <si>
    <t>公共下水道</t>
  </si>
  <si>
    <t>Cc1</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収益的収支比率は、平成30年度の使用料改定以降減少していましたが、令和３年度からは新型コロナウイルス感染症による使用料の減少をカバーするため、他会計繰入金を増やしたことにより、令和３年度から増に転じています。
　経費回収率は、令和元年度に計画策定業務委託を実施したことにより、前年比減となったことを除けば、平成30年度の使用料改定もあり上昇傾向となっているものの、汚水処理に係る費用が使用料以外の収入により賄われている状況は継続していますので、令和２年度に策定した経営戦略を基に長期的な経営を見据えながら、更なる使用料改定等を検討し、経営改善に努めてまいります。
　水洗化率は、令和２年度において供用開始されたエリアがあり、一時的に増となりました。その後は微増減を繰り返しています。使用料収入の更なる増加に向け、水洗化率向上のための啓発等を行ってまいります。</t>
    <rPh sb="1" eb="4">
      <t>シュウエキテキ</t>
    </rPh>
    <rPh sb="4" eb="6">
      <t>シュウシ</t>
    </rPh>
    <rPh sb="6" eb="8">
      <t>ヒリツ</t>
    </rPh>
    <rPh sb="10" eb="12">
      <t>ヘイセイ</t>
    </rPh>
    <rPh sb="14" eb="16">
      <t>ネンド</t>
    </rPh>
    <rPh sb="17" eb="20">
      <t>シヨウリョウ</t>
    </rPh>
    <rPh sb="20" eb="22">
      <t>カイテイ</t>
    </rPh>
    <rPh sb="22" eb="24">
      <t>イコウ</t>
    </rPh>
    <rPh sb="24" eb="26">
      <t>ゲンショウ</t>
    </rPh>
    <rPh sb="34" eb="36">
      <t>レイワ</t>
    </rPh>
    <rPh sb="37" eb="39">
      <t>ネンド</t>
    </rPh>
    <rPh sb="42" eb="44">
      <t>シンガタ</t>
    </rPh>
    <rPh sb="51" eb="54">
      <t>カンセンショウ</t>
    </rPh>
    <rPh sb="57" eb="60">
      <t>シヨウリョウ</t>
    </rPh>
    <rPh sb="61" eb="63">
      <t>ゲンショウ</t>
    </rPh>
    <rPh sb="72" eb="75">
      <t>タカイケイ</t>
    </rPh>
    <rPh sb="75" eb="78">
      <t>クリイレキン</t>
    </rPh>
    <rPh sb="79" eb="80">
      <t>フ</t>
    </rPh>
    <rPh sb="89" eb="91">
      <t>レイワ</t>
    </rPh>
    <rPh sb="92" eb="94">
      <t>ネンド</t>
    </rPh>
    <rPh sb="96" eb="97">
      <t>ゾウ</t>
    </rPh>
    <rPh sb="98" eb="99">
      <t>テン</t>
    </rPh>
    <rPh sb="108" eb="110">
      <t>ケイヒ</t>
    </rPh>
    <rPh sb="110" eb="113">
      <t>カイシュウリツ</t>
    </rPh>
    <rPh sb="115" eb="117">
      <t>レイワ</t>
    </rPh>
    <rPh sb="117" eb="120">
      <t>ガンネンド</t>
    </rPh>
    <rPh sb="121" eb="123">
      <t>ケイカク</t>
    </rPh>
    <rPh sb="123" eb="125">
      <t>サクテイ</t>
    </rPh>
    <rPh sb="125" eb="127">
      <t>ギョウム</t>
    </rPh>
    <rPh sb="127" eb="129">
      <t>イタク</t>
    </rPh>
    <rPh sb="130" eb="132">
      <t>ジッシ</t>
    </rPh>
    <rPh sb="329" eb="330">
      <t>ゴ</t>
    </rPh>
    <rPh sb="331" eb="333">
      <t>ビゾウ</t>
    </rPh>
    <rPh sb="333" eb="334">
      <t>ゲン</t>
    </rPh>
    <rPh sb="335" eb="336">
      <t>ク</t>
    </rPh>
    <rPh sb="337" eb="338">
      <t>カエ</t>
    </rPh>
    <phoneticPr fontId="4"/>
  </si>
  <si>
    <t>　収益的収支比率、経費回収率ともに100％に達しておらず、今後はより厳しい経営状況となることが見込まれます。
　また、一定時期に集中して管渠の布設を行ってきたため、その更新時期が重なることや維持管理費用の増大が見込まれることから、効率的な更新と維持管理を行えるようストックマネジメント計画を策定しました。
　経営面では、長期的な収支状況を把握するため、令和２年度に策定した経営戦略を基に、使用料の見直し等を検討するため、下水道運営審議会を継続して行っていく予定です。</t>
    <rPh sb="1" eb="4">
      <t>シュウエキテキ</t>
    </rPh>
    <rPh sb="4" eb="6">
      <t>シュウシ</t>
    </rPh>
    <rPh sb="6" eb="8">
      <t>ヒリツ</t>
    </rPh>
    <rPh sb="9" eb="11">
      <t>ケイヒ</t>
    </rPh>
    <rPh sb="11" eb="14">
      <t>カイシュウリツ</t>
    </rPh>
    <rPh sb="22" eb="23">
      <t>タッ</t>
    </rPh>
    <rPh sb="29" eb="31">
      <t>コンゴ</t>
    </rPh>
    <rPh sb="34" eb="35">
      <t>キビ</t>
    </rPh>
    <rPh sb="37" eb="39">
      <t>ケイエイ</t>
    </rPh>
    <rPh sb="39" eb="41">
      <t>ジョウキョウ</t>
    </rPh>
    <rPh sb="47" eb="49">
      <t>ミコ</t>
    </rPh>
    <rPh sb="59" eb="61">
      <t>イッテイ</t>
    </rPh>
    <rPh sb="61" eb="63">
      <t>ジキ</t>
    </rPh>
    <rPh sb="64" eb="66">
      <t>シュウチュウ</t>
    </rPh>
    <rPh sb="68" eb="70">
      <t>カンキョ</t>
    </rPh>
    <rPh sb="71" eb="73">
      <t>フセツ</t>
    </rPh>
    <rPh sb="74" eb="75">
      <t>オコナ</t>
    </rPh>
    <rPh sb="84" eb="86">
      <t>コウシン</t>
    </rPh>
    <rPh sb="86" eb="88">
      <t>ジキ</t>
    </rPh>
    <rPh sb="89" eb="90">
      <t>カサ</t>
    </rPh>
    <rPh sb="95" eb="99">
      <t>イジカンリ</t>
    </rPh>
    <rPh sb="99" eb="101">
      <t>ヒヨウ</t>
    </rPh>
    <rPh sb="102" eb="104">
      <t>ゾウダイ</t>
    </rPh>
    <rPh sb="105" eb="107">
      <t>ミコ</t>
    </rPh>
    <rPh sb="115" eb="118">
      <t>コウリツテキ</t>
    </rPh>
    <rPh sb="119" eb="121">
      <t>コウシン</t>
    </rPh>
    <rPh sb="122" eb="126">
      <t>イジカンリ</t>
    </rPh>
    <rPh sb="127" eb="128">
      <t>オコナ</t>
    </rPh>
    <rPh sb="142" eb="144">
      <t>ケイカク</t>
    </rPh>
    <rPh sb="145" eb="147">
      <t>サクテイ</t>
    </rPh>
    <rPh sb="154" eb="156">
      <t>ケイエイ</t>
    </rPh>
    <rPh sb="156" eb="157">
      <t>メン</t>
    </rPh>
    <rPh sb="160" eb="163">
      <t>チョウキテキ</t>
    </rPh>
    <rPh sb="164" eb="168">
      <t>シュウシジョウキョウ</t>
    </rPh>
    <rPh sb="169" eb="171">
      <t>ハアク</t>
    </rPh>
    <rPh sb="176" eb="178">
      <t>レイワ</t>
    </rPh>
    <rPh sb="179" eb="181">
      <t>ネンド</t>
    </rPh>
    <rPh sb="182" eb="184">
      <t>サクテイ</t>
    </rPh>
    <rPh sb="186" eb="188">
      <t>ケイエイ</t>
    </rPh>
    <rPh sb="188" eb="190">
      <t>センリャク</t>
    </rPh>
    <rPh sb="191" eb="192">
      <t>モト</t>
    </rPh>
    <rPh sb="194" eb="197">
      <t>シヨウリョウ</t>
    </rPh>
    <rPh sb="198" eb="200">
      <t>ミナオ</t>
    </rPh>
    <rPh sb="201" eb="202">
      <t>トウ</t>
    </rPh>
    <rPh sb="203" eb="205">
      <t>ケントウ</t>
    </rPh>
    <rPh sb="210" eb="213">
      <t>ゲスイドウ</t>
    </rPh>
    <rPh sb="213" eb="215">
      <t>ウンエイ</t>
    </rPh>
    <rPh sb="215" eb="218">
      <t>シンギカイ</t>
    </rPh>
    <rPh sb="219" eb="221">
      <t>ケイゾク</t>
    </rPh>
    <rPh sb="223" eb="224">
      <t>オコナ</t>
    </rPh>
    <rPh sb="228" eb="230">
      <t>ヨテイ</t>
    </rPh>
    <phoneticPr fontId="4"/>
  </si>
  <si>
    <t>　当町の下水道は、平成２年９月に供用開始しましたが、それ以前に整備された管渠は、この先10年程度で耐用年数を迎えるため、既存の管渠や施設の適正な維持管理と点検、及び老朽化した管渠の更新を進められるよう、令和３年度にストックマネジメント計画を策定しました。今後は、同計画に基づき対応してまいります。</t>
    <rPh sb="1" eb="3">
      <t>トウチョウ</t>
    </rPh>
    <rPh sb="4" eb="7">
      <t>ゲスイドウ</t>
    </rPh>
    <rPh sb="9" eb="11">
      <t>ヘイセイ</t>
    </rPh>
    <rPh sb="12" eb="13">
      <t>ネン</t>
    </rPh>
    <rPh sb="14" eb="15">
      <t>ガツ</t>
    </rPh>
    <rPh sb="16" eb="18">
      <t>キョウヨウ</t>
    </rPh>
    <rPh sb="18" eb="20">
      <t>カイシ</t>
    </rPh>
    <rPh sb="28" eb="30">
      <t>イゼン</t>
    </rPh>
    <rPh sb="31" eb="33">
      <t>セイビ</t>
    </rPh>
    <rPh sb="36" eb="38">
      <t>カンキョ</t>
    </rPh>
    <rPh sb="42" eb="43">
      <t>サキ</t>
    </rPh>
    <rPh sb="45" eb="46">
      <t>ネン</t>
    </rPh>
    <rPh sb="46" eb="48">
      <t>テイド</t>
    </rPh>
    <rPh sb="49" eb="51">
      <t>タイヨウ</t>
    </rPh>
    <rPh sb="51" eb="53">
      <t>ネンスウ</t>
    </rPh>
    <rPh sb="54" eb="55">
      <t>ムカ</t>
    </rPh>
    <rPh sb="60" eb="62">
      <t>キゾン</t>
    </rPh>
    <rPh sb="63" eb="65">
      <t>カンキョ</t>
    </rPh>
    <rPh sb="66" eb="68">
      <t>シセツ</t>
    </rPh>
    <rPh sb="69" eb="71">
      <t>テキセイ</t>
    </rPh>
    <rPh sb="72" eb="76">
      <t>イジカンリ</t>
    </rPh>
    <rPh sb="77" eb="79">
      <t>テンケン</t>
    </rPh>
    <rPh sb="80" eb="81">
      <t>オヨ</t>
    </rPh>
    <rPh sb="82" eb="85">
      <t>ロウキュウカ</t>
    </rPh>
    <rPh sb="87" eb="89">
      <t>カンキョ</t>
    </rPh>
    <rPh sb="90" eb="92">
      <t>コウシン</t>
    </rPh>
    <rPh sb="93" eb="94">
      <t>スス</t>
    </rPh>
    <rPh sb="101" eb="103">
      <t>レイワ</t>
    </rPh>
    <rPh sb="104" eb="106">
      <t>ネンド</t>
    </rPh>
    <rPh sb="117" eb="119">
      <t>ケイカク</t>
    </rPh>
    <rPh sb="120" eb="122">
      <t>サクテイ</t>
    </rPh>
    <rPh sb="127" eb="129">
      <t>コンゴ</t>
    </rPh>
    <rPh sb="131" eb="132">
      <t>ドウ</t>
    </rPh>
    <rPh sb="132" eb="134">
      <t>ケイカク</t>
    </rPh>
    <rPh sb="135" eb="136">
      <t>モト</t>
    </rPh>
    <rPh sb="138" eb="140">
      <t>タイオ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176" fontId="5" fillId="0" borderId="2" xfId="0" applyNumberFormat="1" applyFont="1" applyBorder="1" applyAlignment="1" applyProtection="1">
      <alignment horizontal="center" vertical="center"/>
      <protection hidden="1"/>
    </xf>
    <xf numFmtId="177"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1A1A-4970-9EAD-11B20237831E}"/>
            </c:ext>
          </c:extLst>
        </c:ser>
        <c:dLbls>
          <c:showLegendKey val="0"/>
          <c:showVal val="0"/>
          <c:showCatName val="0"/>
          <c:showSerName val="0"/>
          <c:showPercent val="0"/>
          <c:showBubbleSize val="0"/>
        </c:dLbls>
        <c:gapWidth val="150"/>
        <c:axId val="204790016"/>
        <c:axId val="2066197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3</c:v>
                </c:pt>
                <c:pt idx="1">
                  <c:v>0.15</c:v>
                </c:pt>
                <c:pt idx="2">
                  <c:v>0.15</c:v>
                </c:pt>
                <c:pt idx="3">
                  <c:v>0.15</c:v>
                </c:pt>
                <c:pt idx="4">
                  <c:v>0.12</c:v>
                </c:pt>
              </c:numCache>
            </c:numRef>
          </c:val>
          <c:smooth val="0"/>
          <c:extLst>
            <c:ext xmlns:c16="http://schemas.microsoft.com/office/drawing/2014/chart" uri="{C3380CC4-5D6E-409C-BE32-E72D297353CC}">
              <c16:uniqueId val="{00000001-1A1A-4970-9EAD-11B20237831E}"/>
            </c:ext>
          </c:extLst>
        </c:ser>
        <c:dLbls>
          <c:showLegendKey val="0"/>
          <c:showVal val="0"/>
          <c:showCatName val="0"/>
          <c:showSerName val="0"/>
          <c:showPercent val="0"/>
          <c:showBubbleSize val="0"/>
        </c:dLbls>
        <c:marker val="1"/>
        <c:smooth val="0"/>
        <c:axId val="204790016"/>
        <c:axId val="206619776"/>
      </c:lineChart>
      <c:dateAx>
        <c:axId val="204790016"/>
        <c:scaling>
          <c:orientation val="minMax"/>
        </c:scaling>
        <c:delete val="1"/>
        <c:axPos val="b"/>
        <c:numFmt formatCode="&quot;H&quot;yy" sourceLinked="1"/>
        <c:majorTickMark val="none"/>
        <c:minorTickMark val="none"/>
        <c:tickLblPos val="none"/>
        <c:crossAx val="206619776"/>
        <c:crosses val="autoZero"/>
        <c:auto val="1"/>
        <c:lblOffset val="100"/>
        <c:baseTimeUnit val="years"/>
      </c:dateAx>
      <c:valAx>
        <c:axId val="2066197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47900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FFAF-4543-AF5F-B6EFE881F288}"/>
            </c:ext>
          </c:extLst>
        </c:ser>
        <c:dLbls>
          <c:showLegendKey val="0"/>
          <c:showVal val="0"/>
          <c:showCatName val="0"/>
          <c:showSerName val="0"/>
          <c:showPercent val="0"/>
          <c:showBubbleSize val="0"/>
        </c:dLbls>
        <c:gapWidth val="150"/>
        <c:axId val="73398144"/>
        <c:axId val="139853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2.58</c:v>
                </c:pt>
                <c:pt idx="1">
                  <c:v>50.94</c:v>
                </c:pt>
                <c:pt idx="2">
                  <c:v>56.72</c:v>
                </c:pt>
                <c:pt idx="3">
                  <c:v>56.43</c:v>
                </c:pt>
                <c:pt idx="4">
                  <c:v>55.82</c:v>
                </c:pt>
              </c:numCache>
            </c:numRef>
          </c:val>
          <c:smooth val="0"/>
          <c:extLst>
            <c:ext xmlns:c16="http://schemas.microsoft.com/office/drawing/2014/chart" uri="{C3380CC4-5D6E-409C-BE32-E72D297353CC}">
              <c16:uniqueId val="{00000001-FFAF-4543-AF5F-B6EFE881F288}"/>
            </c:ext>
          </c:extLst>
        </c:ser>
        <c:dLbls>
          <c:showLegendKey val="0"/>
          <c:showVal val="0"/>
          <c:showCatName val="0"/>
          <c:showSerName val="0"/>
          <c:showPercent val="0"/>
          <c:showBubbleSize val="0"/>
        </c:dLbls>
        <c:marker val="1"/>
        <c:smooth val="0"/>
        <c:axId val="73398144"/>
        <c:axId val="139853824"/>
      </c:lineChart>
      <c:dateAx>
        <c:axId val="73398144"/>
        <c:scaling>
          <c:orientation val="minMax"/>
        </c:scaling>
        <c:delete val="1"/>
        <c:axPos val="b"/>
        <c:numFmt formatCode="&quot;H&quot;yy" sourceLinked="1"/>
        <c:majorTickMark val="none"/>
        <c:minorTickMark val="none"/>
        <c:tickLblPos val="none"/>
        <c:crossAx val="139853824"/>
        <c:crosses val="autoZero"/>
        <c:auto val="1"/>
        <c:lblOffset val="100"/>
        <c:baseTimeUnit val="years"/>
      </c:dateAx>
      <c:valAx>
        <c:axId val="1398538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8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88.3</c:v>
                </c:pt>
                <c:pt idx="1">
                  <c:v>88.29</c:v>
                </c:pt>
                <c:pt idx="2">
                  <c:v>89.11</c:v>
                </c:pt>
                <c:pt idx="3">
                  <c:v>89.04</c:v>
                </c:pt>
                <c:pt idx="4">
                  <c:v>89.64</c:v>
                </c:pt>
              </c:numCache>
            </c:numRef>
          </c:val>
          <c:extLst>
            <c:ext xmlns:c16="http://schemas.microsoft.com/office/drawing/2014/chart" uri="{C3380CC4-5D6E-409C-BE32-E72D297353CC}">
              <c16:uniqueId val="{00000000-06BE-454E-91A2-4CA23A0D58B8}"/>
            </c:ext>
          </c:extLst>
        </c:ser>
        <c:dLbls>
          <c:showLegendKey val="0"/>
          <c:showVal val="0"/>
          <c:showCatName val="0"/>
          <c:showSerName val="0"/>
          <c:showPercent val="0"/>
          <c:showBubbleSize val="0"/>
        </c:dLbls>
        <c:gapWidth val="150"/>
        <c:axId val="139884032"/>
        <c:axId val="13988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3.02</c:v>
                </c:pt>
                <c:pt idx="1">
                  <c:v>82.55</c:v>
                </c:pt>
                <c:pt idx="2">
                  <c:v>90.72</c:v>
                </c:pt>
                <c:pt idx="3">
                  <c:v>91.07</c:v>
                </c:pt>
                <c:pt idx="4">
                  <c:v>90.67</c:v>
                </c:pt>
              </c:numCache>
            </c:numRef>
          </c:val>
          <c:smooth val="0"/>
          <c:extLst>
            <c:ext xmlns:c16="http://schemas.microsoft.com/office/drawing/2014/chart" uri="{C3380CC4-5D6E-409C-BE32-E72D297353CC}">
              <c16:uniqueId val="{00000001-06BE-454E-91A2-4CA23A0D58B8}"/>
            </c:ext>
          </c:extLst>
        </c:ser>
        <c:dLbls>
          <c:showLegendKey val="0"/>
          <c:showVal val="0"/>
          <c:showCatName val="0"/>
          <c:showSerName val="0"/>
          <c:showPercent val="0"/>
          <c:showBubbleSize val="0"/>
        </c:dLbls>
        <c:marker val="1"/>
        <c:smooth val="0"/>
        <c:axId val="139884032"/>
        <c:axId val="139885952"/>
      </c:lineChart>
      <c:dateAx>
        <c:axId val="139884032"/>
        <c:scaling>
          <c:orientation val="minMax"/>
        </c:scaling>
        <c:delete val="1"/>
        <c:axPos val="b"/>
        <c:numFmt formatCode="&quot;H&quot;yy" sourceLinked="1"/>
        <c:majorTickMark val="none"/>
        <c:minorTickMark val="none"/>
        <c:tickLblPos val="none"/>
        <c:crossAx val="139885952"/>
        <c:crosses val="autoZero"/>
        <c:auto val="1"/>
        <c:lblOffset val="100"/>
        <c:baseTimeUnit val="years"/>
      </c:dateAx>
      <c:valAx>
        <c:axId val="1398859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840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60.62</c:v>
                </c:pt>
                <c:pt idx="1">
                  <c:v>56.12</c:v>
                </c:pt>
                <c:pt idx="2">
                  <c:v>53.79</c:v>
                </c:pt>
                <c:pt idx="3">
                  <c:v>74.11</c:v>
                </c:pt>
                <c:pt idx="4">
                  <c:v>76.98</c:v>
                </c:pt>
              </c:numCache>
            </c:numRef>
          </c:val>
          <c:extLst>
            <c:ext xmlns:c16="http://schemas.microsoft.com/office/drawing/2014/chart" uri="{C3380CC4-5D6E-409C-BE32-E72D297353CC}">
              <c16:uniqueId val="{00000000-8B3B-4DD7-9AA0-C0175C9F5058}"/>
            </c:ext>
          </c:extLst>
        </c:ser>
        <c:dLbls>
          <c:showLegendKey val="0"/>
          <c:showVal val="0"/>
          <c:showCatName val="0"/>
          <c:showSerName val="0"/>
          <c:showPercent val="0"/>
          <c:showBubbleSize val="0"/>
        </c:dLbls>
        <c:gapWidth val="150"/>
        <c:axId val="214084992"/>
        <c:axId val="2170403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8B3B-4DD7-9AA0-C0175C9F5058}"/>
            </c:ext>
          </c:extLst>
        </c:ser>
        <c:dLbls>
          <c:showLegendKey val="0"/>
          <c:showVal val="0"/>
          <c:showCatName val="0"/>
          <c:showSerName val="0"/>
          <c:showPercent val="0"/>
          <c:showBubbleSize val="0"/>
        </c:dLbls>
        <c:marker val="1"/>
        <c:smooth val="0"/>
        <c:axId val="214084992"/>
        <c:axId val="217040384"/>
      </c:lineChart>
      <c:dateAx>
        <c:axId val="214084992"/>
        <c:scaling>
          <c:orientation val="minMax"/>
        </c:scaling>
        <c:delete val="1"/>
        <c:axPos val="b"/>
        <c:numFmt formatCode="&quot;H&quot;yy" sourceLinked="1"/>
        <c:majorTickMark val="none"/>
        <c:minorTickMark val="none"/>
        <c:tickLblPos val="none"/>
        <c:crossAx val="217040384"/>
        <c:crosses val="autoZero"/>
        <c:auto val="1"/>
        <c:lblOffset val="100"/>
        <c:baseTimeUnit val="years"/>
      </c:dateAx>
      <c:valAx>
        <c:axId val="2170403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49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3E36-4338-AB45-613C7D139265}"/>
            </c:ext>
          </c:extLst>
        </c:ser>
        <c:dLbls>
          <c:showLegendKey val="0"/>
          <c:showVal val="0"/>
          <c:showCatName val="0"/>
          <c:showSerName val="0"/>
          <c:showPercent val="0"/>
          <c:showBubbleSize val="0"/>
        </c:dLbls>
        <c:gapWidth val="150"/>
        <c:axId val="217610112"/>
        <c:axId val="2182982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3E36-4338-AB45-613C7D139265}"/>
            </c:ext>
          </c:extLst>
        </c:ser>
        <c:dLbls>
          <c:showLegendKey val="0"/>
          <c:showVal val="0"/>
          <c:showCatName val="0"/>
          <c:showSerName val="0"/>
          <c:showPercent val="0"/>
          <c:showBubbleSize val="0"/>
        </c:dLbls>
        <c:marker val="1"/>
        <c:smooth val="0"/>
        <c:axId val="217610112"/>
        <c:axId val="218298240"/>
      </c:lineChart>
      <c:dateAx>
        <c:axId val="217610112"/>
        <c:scaling>
          <c:orientation val="minMax"/>
        </c:scaling>
        <c:delete val="1"/>
        <c:axPos val="b"/>
        <c:numFmt formatCode="&quot;H&quot;yy" sourceLinked="1"/>
        <c:majorTickMark val="none"/>
        <c:minorTickMark val="none"/>
        <c:tickLblPos val="none"/>
        <c:crossAx val="218298240"/>
        <c:crosses val="autoZero"/>
        <c:auto val="1"/>
        <c:lblOffset val="100"/>
        <c:baseTimeUnit val="years"/>
      </c:dateAx>
      <c:valAx>
        <c:axId val="2182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164A-43FF-A6A0-0912541415ED}"/>
            </c:ext>
          </c:extLst>
        </c:ser>
        <c:dLbls>
          <c:showLegendKey val="0"/>
          <c:showVal val="0"/>
          <c:showCatName val="0"/>
          <c:showSerName val="0"/>
          <c:showPercent val="0"/>
          <c:showBubbleSize val="0"/>
        </c:dLbls>
        <c:gapWidth val="150"/>
        <c:axId val="73212288"/>
        <c:axId val="732142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164A-43FF-A6A0-0912541415ED}"/>
            </c:ext>
          </c:extLst>
        </c:ser>
        <c:dLbls>
          <c:showLegendKey val="0"/>
          <c:showVal val="0"/>
          <c:showCatName val="0"/>
          <c:showSerName val="0"/>
          <c:showPercent val="0"/>
          <c:showBubbleSize val="0"/>
        </c:dLbls>
        <c:marker val="1"/>
        <c:smooth val="0"/>
        <c:axId val="73212288"/>
        <c:axId val="73214208"/>
      </c:lineChart>
      <c:dateAx>
        <c:axId val="73212288"/>
        <c:scaling>
          <c:orientation val="minMax"/>
        </c:scaling>
        <c:delete val="1"/>
        <c:axPos val="b"/>
        <c:numFmt formatCode="&quot;H&quot;yy" sourceLinked="1"/>
        <c:majorTickMark val="none"/>
        <c:minorTickMark val="none"/>
        <c:tickLblPos val="none"/>
        <c:crossAx val="73214208"/>
        <c:crosses val="autoZero"/>
        <c:auto val="1"/>
        <c:lblOffset val="100"/>
        <c:baseTimeUnit val="years"/>
      </c:dateAx>
      <c:valAx>
        <c:axId val="732142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12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AC0F-4F8F-96F6-6DF4A7509543}"/>
            </c:ext>
          </c:extLst>
        </c:ser>
        <c:dLbls>
          <c:showLegendKey val="0"/>
          <c:showVal val="0"/>
          <c:showCatName val="0"/>
          <c:showSerName val="0"/>
          <c:showPercent val="0"/>
          <c:showBubbleSize val="0"/>
        </c:dLbls>
        <c:gapWidth val="150"/>
        <c:axId val="73228288"/>
        <c:axId val="732302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AC0F-4F8F-96F6-6DF4A7509543}"/>
            </c:ext>
          </c:extLst>
        </c:ser>
        <c:dLbls>
          <c:showLegendKey val="0"/>
          <c:showVal val="0"/>
          <c:showCatName val="0"/>
          <c:showSerName val="0"/>
          <c:showPercent val="0"/>
          <c:showBubbleSize val="0"/>
        </c:dLbls>
        <c:marker val="1"/>
        <c:smooth val="0"/>
        <c:axId val="73228288"/>
        <c:axId val="73230208"/>
      </c:lineChart>
      <c:dateAx>
        <c:axId val="73228288"/>
        <c:scaling>
          <c:orientation val="minMax"/>
        </c:scaling>
        <c:delete val="1"/>
        <c:axPos val="b"/>
        <c:numFmt formatCode="&quot;H&quot;yy" sourceLinked="1"/>
        <c:majorTickMark val="none"/>
        <c:minorTickMark val="none"/>
        <c:tickLblPos val="none"/>
        <c:crossAx val="73230208"/>
        <c:crosses val="autoZero"/>
        <c:auto val="1"/>
        <c:lblOffset val="100"/>
        <c:baseTimeUnit val="years"/>
      </c:dateAx>
      <c:valAx>
        <c:axId val="732302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BFD3-47C6-8532-BCAF4950F76D}"/>
            </c:ext>
          </c:extLst>
        </c:ser>
        <c:dLbls>
          <c:showLegendKey val="0"/>
          <c:showVal val="0"/>
          <c:showCatName val="0"/>
          <c:showSerName val="0"/>
          <c:showPercent val="0"/>
          <c:showBubbleSize val="0"/>
        </c:dLbls>
        <c:gapWidth val="150"/>
        <c:axId val="73239936"/>
        <c:axId val="732503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BFD3-47C6-8532-BCAF4950F76D}"/>
            </c:ext>
          </c:extLst>
        </c:ser>
        <c:dLbls>
          <c:showLegendKey val="0"/>
          <c:showVal val="0"/>
          <c:showCatName val="0"/>
          <c:showSerName val="0"/>
          <c:showPercent val="0"/>
          <c:showBubbleSize val="0"/>
        </c:dLbls>
        <c:marker val="1"/>
        <c:smooth val="0"/>
        <c:axId val="73239936"/>
        <c:axId val="73250304"/>
      </c:lineChart>
      <c:dateAx>
        <c:axId val="73239936"/>
        <c:scaling>
          <c:orientation val="minMax"/>
        </c:scaling>
        <c:delete val="1"/>
        <c:axPos val="b"/>
        <c:numFmt formatCode="&quot;H&quot;yy" sourceLinked="1"/>
        <c:majorTickMark val="none"/>
        <c:minorTickMark val="none"/>
        <c:tickLblPos val="none"/>
        <c:crossAx val="73250304"/>
        <c:crosses val="autoZero"/>
        <c:auto val="1"/>
        <c:lblOffset val="100"/>
        <c:baseTimeUnit val="years"/>
      </c:dateAx>
      <c:valAx>
        <c:axId val="7325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39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1071.05</c:v>
                </c:pt>
                <c:pt idx="1">
                  <c:v>995.23</c:v>
                </c:pt>
                <c:pt idx="2">
                  <c:v>962.34</c:v>
                </c:pt>
                <c:pt idx="3">
                  <c:v>1056.0999999999999</c:v>
                </c:pt>
                <c:pt idx="4">
                  <c:v>611.01</c:v>
                </c:pt>
              </c:numCache>
            </c:numRef>
          </c:val>
          <c:extLst>
            <c:ext xmlns:c16="http://schemas.microsoft.com/office/drawing/2014/chart" uri="{C3380CC4-5D6E-409C-BE32-E72D297353CC}">
              <c16:uniqueId val="{00000000-44AD-41D1-AFD0-5BE0794FEA6D}"/>
            </c:ext>
          </c:extLst>
        </c:ser>
        <c:dLbls>
          <c:showLegendKey val="0"/>
          <c:showVal val="0"/>
          <c:showCatName val="0"/>
          <c:showSerName val="0"/>
          <c:showPercent val="0"/>
          <c:showBubbleSize val="0"/>
        </c:dLbls>
        <c:gapWidth val="150"/>
        <c:axId val="73337856"/>
        <c:axId val="73340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958.81</c:v>
                </c:pt>
                <c:pt idx="1">
                  <c:v>1001.3</c:v>
                </c:pt>
                <c:pt idx="2">
                  <c:v>789.08</c:v>
                </c:pt>
                <c:pt idx="3">
                  <c:v>747.84</c:v>
                </c:pt>
                <c:pt idx="4">
                  <c:v>804.98</c:v>
                </c:pt>
              </c:numCache>
            </c:numRef>
          </c:val>
          <c:smooth val="0"/>
          <c:extLst>
            <c:ext xmlns:c16="http://schemas.microsoft.com/office/drawing/2014/chart" uri="{C3380CC4-5D6E-409C-BE32-E72D297353CC}">
              <c16:uniqueId val="{00000001-44AD-41D1-AFD0-5BE0794FEA6D}"/>
            </c:ext>
          </c:extLst>
        </c:ser>
        <c:dLbls>
          <c:showLegendKey val="0"/>
          <c:showVal val="0"/>
          <c:showCatName val="0"/>
          <c:showSerName val="0"/>
          <c:showPercent val="0"/>
          <c:showBubbleSize val="0"/>
        </c:dLbls>
        <c:marker val="1"/>
        <c:smooth val="0"/>
        <c:axId val="73337856"/>
        <c:axId val="73340032"/>
      </c:lineChart>
      <c:dateAx>
        <c:axId val="73337856"/>
        <c:scaling>
          <c:orientation val="minMax"/>
        </c:scaling>
        <c:delete val="1"/>
        <c:axPos val="b"/>
        <c:numFmt formatCode="&quot;H&quot;yy" sourceLinked="1"/>
        <c:majorTickMark val="none"/>
        <c:minorTickMark val="none"/>
        <c:tickLblPos val="none"/>
        <c:crossAx val="73340032"/>
        <c:crosses val="autoZero"/>
        <c:auto val="1"/>
        <c:lblOffset val="100"/>
        <c:baseTimeUnit val="years"/>
      </c:dateAx>
      <c:valAx>
        <c:axId val="73340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61.36</c:v>
                </c:pt>
                <c:pt idx="1">
                  <c:v>58.78</c:v>
                </c:pt>
                <c:pt idx="2">
                  <c:v>65.42</c:v>
                </c:pt>
                <c:pt idx="3">
                  <c:v>70.680000000000007</c:v>
                </c:pt>
                <c:pt idx="4">
                  <c:v>71.38</c:v>
                </c:pt>
              </c:numCache>
            </c:numRef>
          </c:val>
          <c:extLst>
            <c:ext xmlns:c16="http://schemas.microsoft.com/office/drawing/2014/chart" uri="{C3380CC4-5D6E-409C-BE32-E72D297353CC}">
              <c16:uniqueId val="{00000000-5287-4821-A2C3-0F1AE142B1FD}"/>
            </c:ext>
          </c:extLst>
        </c:ser>
        <c:dLbls>
          <c:showLegendKey val="0"/>
          <c:showVal val="0"/>
          <c:showCatName val="0"/>
          <c:showSerName val="0"/>
          <c:showPercent val="0"/>
          <c:showBubbleSize val="0"/>
        </c:dLbls>
        <c:gapWidth val="150"/>
        <c:axId val="73353856"/>
        <c:axId val="733601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82.88</c:v>
                </c:pt>
                <c:pt idx="1">
                  <c:v>81.88</c:v>
                </c:pt>
                <c:pt idx="2">
                  <c:v>88.25</c:v>
                </c:pt>
                <c:pt idx="3">
                  <c:v>90.17</c:v>
                </c:pt>
                <c:pt idx="4">
                  <c:v>88.71</c:v>
                </c:pt>
              </c:numCache>
            </c:numRef>
          </c:val>
          <c:smooth val="0"/>
          <c:extLst>
            <c:ext xmlns:c16="http://schemas.microsoft.com/office/drawing/2014/chart" uri="{C3380CC4-5D6E-409C-BE32-E72D297353CC}">
              <c16:uniqueId val="{00000001-5287-4821-A2C3-0F1AE142B1FD}"/>
            </c:ext>
          </c:extLst>
        </c:ser>
        <c:dLbls>
          <c:showLegendKey val="0"/>
          <c:showVal val="0"/>
          <c:showCatName val="0"/>
          <c:showSerName val="0"/>
          <c:showPercent val="0"/>
          <c:showBubbleSize val="0"/>
        </c:dLbls>
        <c:marker val="1"/>
        <c:smooth val="0"/>
        <c:axId val="73353856"/>
        <c:axId val="73360128"/>
      </c:lineChart>
      <c:dateAx>
        <c:axId val="73353856"/>
        <c:scaling>
          <c:orientation val="minMax"/>
        </c:scaling>
        <c:delete val="1"/>
        <c:axPos val="b"/>
        <c:numFmt formatCode="&quot;H&quot;yy" sourceLinked="1"/>
        <c:majorTickMark val="none"/>
        <c:minorTickMark val="none"/>
        <c:tickLblPos val="none"/>
        <c:crossAx val="73360128"/>
        <c:crosses val="autoZero"/>
        <c:auto val="1"/>
        <c:lblOffset val="100"/>
        <c:baseTimeUnit val="years"/>
      </c:dateAx>
      <c:valAx>
        <c:axId val="733601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53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170.89</c:v>
                </c:pt>
                <c:pt idx="1">
                  <c:v>178.47</c:v>
                </c:pt>
                <c:pt idx="2">
                  <c:v>162.22</c:v>
                </c:pt>
                <c:pt idx="3">
                  <c:v>150</c:v>
                </c:pt>
                <c:pt idx="4">
                  <c:v>150</c:v>
                </c:pt>
              </c:numCache>
            </c:numRef>
          </c:val>
          <c:extLst>
            <c:ext xmlns:c16="http://schemas.microsoft.com/office/drawing/2014/chart" uri="{C3380CC4-5D6E-409C-BE32-E72D297353CC}">
              <c16:uniqueId val="{00000000-9E3D-4A5B-A5B5-E1090EA7FD76}"/>
            </c:ext>
          </c:extLst>
        </c:ser>
        <c:dLbls>
          <c:showLegendKey val="0"/>
          <c:showVal val="0"/>
          <c:showCatName val="0"/>
          <c:showSerName val="0"/>
          <c:showPercent val="0"/>
          <c:showBubbleSize val="0"/>
        </c:dLbls>
        <c:gapWidth val="150"/>
        <c:axId val="73369856"/>
        <c:axId val="73372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90.99</c:v>
                </c:pt>
                <c:pt idx="1">
                  <c:v>187.55</c:v>
                </c:pt>
                <c:pt idx="2">
                  <c:v>176.37</c:v>
                </c:pt>
                <c:pt idx="3">
                  <c:v>173.17</c:v>
                </c:pt>
                <c:pt idx="4">
                  <c:v>174.8</c:v>
                </c:pt>
              </c:numCache>
            </c:numRef>
          </c:val>
          <c:smooth val="0"/>
          <c:extLst>
            <c:ext xmlns:c16="http://schemas.microsoft.com/office/drawing/2014/chart" uri="{C3380CC4-5D6E-409C-BE32-E72D297353CC}">
              <c16:uniqueId val="{00000001-9E3D-4A5B-A5B5-E1090EA7FD76}"/>
            </c:ext>
          </c:extLst>
        </c:ser>
        <c:dLbls>
          <c:showLegendKey val="0"/>
          <c:showVal val="0"/>
          <c:showCatName val="0"/>
          <c:showSerName val="0"/>
          <c:showPercent val="0"/>
          <c:showBubbleSize val="0"/>
        </c:dLbls>
        <c:marker val="1"/>
        <c:smooth val="0"/>
        <c:axId val="73369856"/>
        <c:axId val="73372032"/>
      </c:lineChart>
      <c:dateAx>
        <c:axId val="73369856"/>
        <c:scaling>
          <c:orientation val="minMax"/>
        </c:scaling>
        <c:delete val="1"/>
        <c:axPos val="b"/>
        <c:numFmt formatCode="&quot;H&quot;yy" sourceLinked="1"/>
        <c:majorTickMark val="none"/>
        <c:minorTickMark val="none"/>
        <c:tickLblPos val="none"/>
        <c:crossAx val="73372032"/>
        <c:crosses val="autoZero"/>
        <c:auto val="1"/>
        <c:lblOffset val="100"/>
        <c:baseTimeUnit val="years"/>
      </c:dateAx>
      <c:valAx>
        <c:axId val="73372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9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topLeftCell="AK1" zoomScaleNormal="100" workbookViewId="0">
      <selection activeCell="BL16" sqref="BL16:BZ4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7" t="s">
        <v>0</v>
      </c>
      <c r="C2" s="67"/>
      <c r="D2" s="67"/>
      <c r="E2" s="67"/>
      <c r="F2" s="67"/>
      <c r="G2" s="67"/>
      <c r="H2" s="67"/>
      <c r="I2" s="67"/>
      <c r="J2" s="67"/>
      <c r="K2" s="67"/>
      <c r="L2" s="67"/>
      <c r="M2" s="67"/>
      <c r="N2" s="67"/>
      <c r="O2" s="67"/>
      <c r="P2" s="67"/>
      <c r="Q2" s="67"/>
      <c r="R2" s="67"/>
      <c r="S2" s="67"/>
      <c r="T2" s="67"/>
      <c r="U2" s="67"/>
      <c r="V2" s="67"/>
      <c r="W2" s="67"/>
      <c r="X2" s="67"/>
      <c r="Y2" s="67"/>
      <c r="Z2" s="67"/>
      <c r="AA2" s="67"/>
      <c r="AB2" s="67"/>
      <c r="AC2" s="67"/>
      <c r="AD2" s="67"/>
      <c r="AE2" s="67"/>
      <c r="AF2" s="67"/>
      <c r="AG2" s="67"/>
      <c r="AH2" s="67"/>
      <c r="AI2" s="67"/>
      <c r="AJ2" s="67"/>
      <c r="AK2" s="67"/>
      <c r="AL2" s="67"/>
      <c r="AM2" s="67"/>
      <c r="AN2" s="67"/>
      <c r="AO2" s="67"/>
      <c r="AP2" s="67"/>
      <c r="AQ2" s="67"/>
      <c r="AR2" s="67"/>
      <c r="AS2" s="67"/>
      <c r="AT2" s="67"/>
      <c r="AU2" s="67"/>
      <c r="AV2" s="67"/>
      <c r="AW2" s="67"/>
      <c r="AX2" s="67"/>
      <c r="AY2" s="67"/>
      <c r="AZ2" s="67"/>
      <c r="BA2" s="67"/>
      <c r="BB2" s="67"/>
      <c r="BC2" s="67"/>
      <c r="BD2" s="67"/>
      <c r="BE2" s="67"/>
      <c r="BF2" s="67"/>
      <c r="BG2" s="67"/>
      <c r="BH2" s="67"/>
      <c r="BI2" s="67"/>
      <c r="BJ2" s="67"/>
      <c r="BK2" s="67"/>
      <c r="BL2" s="67"/>
      <c r="BM2" s="67"/>
      <c r="BN2" s="67"/>
      <c r="BO2" s="67"/>
      <c r="BP2" s="67"/>
      <c r="BQ2" s="67"/>
      <c r="BR2" s="67"/>
      <c r="BS2" s="67"/>
      <c r="BT2" s="67"/>
      <c r="BU2" s="67"/>
      <c r="BV2" s="67"/>
      <c r="BW2" s="67"/>
      <c r="BX2" s="67"/>
      <c r="BY2" s="67"/>
      <c r="BZ2" s="67"/>
    </row>
    <row r="3" spans="1:78" ht="9.75" customHeight="1" x14ac:dyDescent="0.2">
      <c r="A3" s="2"/>
      <c r="B3" s="67"/>
      <c r="C3" s="67"/>
      <c r="D3" s="67"/>
      <c r="E3" s="67"/>
      <c r="F3" s="67"/>
      <c r="G3" s="67"/>
      <c r="H3" s="67"/>
      <c r="I3" s="67"/>
      <c r="J3" s="67"/>
      <c r="K3" s="67"/>
      <c r="L3" s="67"/>
      <c r="M3" s="67"/>
      <c r="N3" s="67"/>
      <c r="O3" s="67"/>
      <c r="P3" s="67"/>
      <c r="Q3" s="67"/>
      <c r="R3" s="67"/>
      <c r="S3" s="67"/>
      <c r="T3" s="67"/>
      <c r="U3" s="67"/>
      <c r="V3" s="67"/>
      <c r="W3" s="67"/>
      <c r="X3" s="67"/>
      <c r="Y3" s="67"/>
      <c r="Z3" s="67"/>
      <c r="AA3" s="67"/>
      <c r="AB3" s="67"/>
      <c r="AC3" s="67"/>
      <c r="AD3" s="67"/>
      <c r="AE3" s="67"/>
      <c r="AF3" s="67"/>
      <c r="AG3" s="67"/>
      <c r="AH3" s="67"/>
      <c r="AI3" s="67"/>
      <c r="AJ3" s="67"/>
      <c r="AK3" s="67"/>
      <c r="AL3" s="67"/>
      <c r="AM3" s="67"/>
      <c r="AN3" s="67"/>
      <c r="AO3" s="67"/>
      <c r="AP3" s="67"/>
      <c r="AQ3" s="67"/>
      <c r="AR3" s="67"/>
      <c r="AS3" s="67"/>
      <c r="AT3" s="67"/>
      <c r="AU3" s="67"/>
      <c r="AV3" s="67"/>
      <c r="AW3" s="67"/>
      <c r="AX3" s="67"/>
      <c r="AY3" s="67"/>
      <c r="AZ3" s="67"/>
      <c r="BA3" s="67"/>
      <c r="BB3" s="67"/>
      <c r="BC3" s="67"/>
      <c r="BD3" s="67"/>
      <c r="BE3" s="67"/>
      <c r="BF3" s="67"/>
      <c r="BG3" s="67"/>
      <c r="BH3" s="67"/>
      <c r="BI3" s="67"/>
      <c r="BJ3" s="67"/>
      <c r="BK3" s="67"/>
      <c r="BL3" s="67"/>
      <c r="BM3" s="67"/>
      <c r="BN3" s="67"/>
      <c r="BO3" s="67"/>
      <c r="BP3" s="67"/>
      <c r="BQ3" s="67"/>
      <c r="BR3" s="67"/>
      <c r="BS3" s="67"/>
      <c r="BT3" s="67"/>
      <c r="BU3" s="67"/>
      <c r="BV3" s="67"/>
      <c r="BW3" s="67"/>
      <c r="BX3" s="67"/>
      <c r="BY3" s="67"/>
      <c r="BZ3" s="67"/>
    </row>
    <row r="4" spans="1:78" ht="9.75" customHeight="1" x14ac:dyDescent="0.2">
      <c r="A4" s="2"/>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7"/>
      <c r="AT4" s="67"/>
      <c r="AU4" s="67"/>
      <c r="AV4" s="67"/>
      <c r="AW4" s="67"/>
      <c r="AX4" s="67"/>
      <c r="AY4" s="67"/>
      <c r="AZ4" s="67"/>
      <c r="BA4" s="67"/>
      <c r="BB4" s="67"/>
      <c r="BC4" s="67"/>
      <c r="BD4" s="67"/>
      <c r="BE4" s="67"/>
      <c r="BF4" s="67"/>
      <c r="BG4" s="67"/>
      <c r="BH4" s="67"/>
      <c r="BI4" s="67"/>
      <c r="BJ4" s="67"/>
      <c r="BK4" s="67"/>
      <c r="BL4" s="67"/>
      <c r="BM4" s="67"/>
      <c r="BN4" s="67"/>
      <c r="BO4" s="67"/>
      <c r="BP4" s="67"/>
      <c r="BQ4" s="67"/>
      <c r="BR4" s="67"/>
      <c r="BS4" s="67"/>
      <c r="BT4" s="67"/>
      <c r="BU4" s="67"/>
      <c r="BV4" s="67"/>
      <c r="BW4" s="67"/>
      <c r="BX4" s="67"/>
      <c r="BY4" s="67"/>
      <c r="BZ4" s="67"/>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8" t="str">
        <f>データ!H6</f>
        <v>神奈川県　山北町</v>
      </c>
      <c r="C6" s="68"/>
      <c r="D6" s="68"/>
      <c r="E6" s="68"/>
      <c r="F6" s="68"/>
      <c r="G6" s="68"/>
      <c r="H6" s="68"/>
      <c r="I6" s="68"/>
      <c r="J6" s="68"/>
      <c r="K6" s="68"/>
      <c r="L6" s="68"/>
      <c r="M6" s="68"/>
      <c r="N6" s="68"/>
      <c r="O6" s="68"/>
      <c r="P6" s="68"/>
      <c r="Q6" s="68"/>
      <c r="R6" s="68"/>
      <c r="S6" s="68"/>
      <c r="T6" s="68"/>
      <c r="U6" s="68"/>
      <c r="V6" s="68"/>
      <c r="W6" s="68"/>
      <c r="X6" s="68"/>
      <c r="Y6" s="68"/>
      <c r="Z6" s="68"/>
      <c r="AA6" s="68"/>
      <c r="AB6" s="68"/>
      <c r="AC6" s="6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51" t="s">
        <v>1</v>
      </c>
      <c r="C7" s="51"/>
      <c r="D7" s="51"/>
      <c r="E7" s="51"/>
      <c r="F7" s="51"/>
      <c r="G7" s="51"/>
      <c r="H7" s="51"/>
      <c r="I7" s="51" t="s">
        <v>2</v>
      </c>
      <c r="J7" s="51"/>
      <c r="K7" s="51"/>
      <c r="L7" s="51"/>
      <c r="M7" s="51"/>
      <c r="N7" s="51"/>
      <c r="O7" s="51"/>
      <c r="P7" s="51" t="s">
        <v>3</v>
      </c>
      <c r="Q7" s="51"/>
      <c r="R7" s="51"/>
      <c r="S7" s="51"/>
      <c r="T7" s="51"/>
      <c r="U7" s="51"/>
      <c r="V7" s="51"/>
      <c r="W7" s="51" t="s">
        <v>4</v>
      </c>
      <c r="X7" s="51"/>
      <c r="Y7" s="51"/>
      <c r="Z7" s="51"/>
      <c r="AA7" s="51"/>
      <c r="AB7" s="51"/>
      <c r="AC7" s="51"/>
      <c r="AD7" s="51" t="s">
        <v>5</v>
      </c>
      <c r="AE7" s="51"/>
      <c r="AF7" s="51"/>
      <c r="AG7" s="51"/>
      <c r="AH7" s="51"/>
      <c r="AI7" s="51"/>
      <c r="AJ7" s="51"/>
      <c r="AK7" s="3"/>
      <c r="AL7" s="51" t="s">
        <v>6</v>
      </c>
      <c r="AM7" s="51"/>
      <c r="AN7" s="51"/>
      <c r="AO7" s="51"/>
      <c r="AP7" s="51"/>
      <c r="AQ7" s="51"/>
      <c r="AR7" s="51"/>
      <c r="AS7" s="51"/>
      <c r="AT7" s="51" t="s">
        <v>7</v>
      </c>
      <c r="AU7" s="51"/>
      <c r="AV7" s="51"/>
      <c r="AW7" s="51"/>
      <c r="AX7" s="51"/>
      <c r="AY7" s="51"/>
      <c r="AZ7" s="51"/>
      <c r="BA7" s="51"/>
      <c r="BB7" s="51" t="s">
        <v>8</v>
      </c>
      <c r="BC7" s="51"/>
      <c r="BD7" s="51"/>
      <c r="BE7" s="51"/>
      <c r="BF7" s="51"/>
      <c r="BG7" s="51"/>
      <c r="BH7" s="51"/>
      <c r="BI7" s="51"/>
      <c r="BJ7" s="3"/>
      <c r="BK7" s="3"/>
      <c r="BL7" s="69" t="s">
        <v>9</v>
      </c>
      <c r="BM7" s="70"/>
      <c r="BN7" s="70"/>
      <c r="BO7" s="70"/>
      <c r="BP7" s="70"/>
      <c r="BQ7" s="70"/>
      <c r="BR7" s="70"/>
      <c r="BS7" s="70"/>
      <c r="BT7" s="70"/>
      <c r="BU7" s="70"/>
      <c r="BV7" s="70"/>
      <c r="BW7" s="70"/>
      <c r="BX7" s="70"/>
      <c r="BY7" s="71"/>
    </row>
    <row r="8" spans="1:78" ht="18.75" customHeight="1" x14ac:dyDescent="0.2">
      <c r="A8" s="2"/>
      <c r="B8" s="65" t="str">
        <f>データ!I6</f>
        <v>法非適用</v>
      </c>
      <c r="C8" s="65"/>
      <c r="D8" s="65"/>
      <c r="E8" s="65"/>
      <c r="F8" s="65"/>
      <c r="G8" s="65"/>
      <c r="H8" s="65"/>
      <c r="I8" s="65" t="str">
        <f>データ!J6</f>
        <v>下水道事業</v>
      </c>
      <c r="J8" s="65"/>
      <c r="K8" s="65"/>
      <c r="L8" s="65"/>
      <c r="M8" s="65"/>
      <c r="N8" s="65"/>
      <c r="O8" s="65"/>
      <c r="P8" s="65" t="str">
        <f>データ!K6</f>
        <v>公共下水道</v>
      </c>
      <c r="Q8" s="65"/>
      <c r="R8" s="65"/>
      <c r="S8" s="65"/>
      <c r="T8" s="65"/>
      <c r="U8" s="65"/>
      <c r="V8" s="65"/>
      <c r="W8" s="65" t="str">
        <f>データ!L6</f>
        <v>Cc1</v>
      </c>
      <c r="X8" s="65"/>
      <c r="Y8" s="65"/>
      <c r="Z8" s="65"/>
      <c r="AA8" s="65"/>
      <c r="AB8" s="65"/>
      <c r="AC8" s="65"/>
      <c r="AD8" s="66" t="str">
        <f>データ!$M$6</f>
        <v>非設置</v>
      </c>
      <c r="AE8" s="66"/>
      <c r="AF8" s="66"/>
      <c r="AG8" s="66"/>
      <c r="AH8" s="66"/>
      <c r="AI8" s="66"/>
      <c r="AJ8" s="66"/>
      <c r="AK8" s="3"/>
      <c r="AL8" s="45">
        <f>データ!S6</f>
        <v>9577</v>
      </c>
      <c r="AM8" s="45"/>
      <c r="AN8" s="45"/>
      <c r="AO8" s="45"/>
      <c r="AP8" s="45"/>
      <c r="AQ8" s="45"/>
      <c r="AR8" s="45"/>
      <c r="AS8" s="45"/>
      <c r="AT8" s="46">
        <f>データ!T6</f>
        <v>224.61</v>
      </c>
      <c r="AU8" s="46"/>
      <c r="AV8" s="46"/>
      <c r="AW8" s="46"/>
      <c r="AX8" s="46"/>
      <c r="AY8" s="46"/>
      <c r="AZ8" s="46"/>
      <c r="BA8" s="46"/>
      <c r="BB8" s="46">
        <f>データ!U6</f>
        <v>42.64</v>
      </c>
      <c r="BC8" s="46"/>
      <c r="BD8" s="46"/>
      <c r="BE8" s="46"/>
      <c r="BF8" s="46"/>
      <c r="BG8" s="46"/>
      <c r="BH8" s="46"/>
      <c r="BI8" s="46"/>
      <c r="BJ8" s="3"/>
      <c r="BK8" s="3"/>
      <c r="BL8" s="61" t="s">
        <v>10</v>
      </c>
      <c r="BM8" s="62"/>
      <c r="BN8" s="63" t="s">
        <v>11</v>
      </c>
      <c r="BO8" s="63"/>
      <c r="BP8" s="63"/>
      <c r="BQ8" s="63"/>
      <c r="BR8" s="63"/>
      <c r="BS8" s="63"/>
      <c r="BT8" s="63"/>
      <c r="BU8" s="63"/>
      <c r="BV8" s="63"/>
      <c r="BW8" s="63"/>
      <c r="BX8" s="63"/>
      <c r="BY8" s="64"/>
    </row>
    <row r="9" spans="1:78" ht="18.75" customHeight="1" x14ac:dyDescent="0.2">
      <c r="A9" s="2"/>
      <c r="B9" s="51" t="s">
        <v>12</v>
      </c>
      <c r="C9" s="51"/>
      <c r="D9" s="51"/>
      <c r="E9" s="51"/>
      <c r="F9" s="51"/>
      <c r="G9" s="51"/>
      <c r="H9" s="51"/>
      <c r="I9" s="51" t="s">
        <v>13</v>
      </c>
      <c r="J9" s="51"/>
      <c r="K9" s="51"/>
      <c r="L9" s="51"/>
      <c r="M9" s="51"/>
      <c r="N9" s="51"/>
      <c r="O9" s="51"/>
      <c r="P9" s="51" t="s">
        <v>14</v>
      </c>
      <c r="Q9" s="51"/>
      <c r="R9" s="51"/>
      <c r="S9" s="51"/>
      <c r="T9" s="51"/>
      <c r="U9" s="51"/>
      <c r="V9" s="51"/>
      <c r="W9" s="51" t="s">
        <v>15</v>
      </c>
      <c r="X9" s="51"/>
      <c r="Y9" s="51"/>
      <c r="Z9" s="51"/>
      <c r="AA9" s="51"/>
      <c r="AB9" s="51"/>
      <c r="AC9" s="51"/>
      <c r="AD9" s="51" t="s">
        <v>16</v>
      </c>
      <c r="AE9" s="51"/>
      <c r="AF9" s="51"/>
      <c r="AG9" s="51"/>
      <c r="AH9" s="51"/>
      <c r="AI9" s="51"/>
      <c r="AJ9" s="51"/>
      <c r="AK9" s="3"/>
      <c r="AL9" s="51" t="s">
        <v>17</v>
      </c>
      <c r="AM9" s="51"/>
      <c r="AN9" s="51"/>
      <c r="AO9" s="51"/>
      <c r="AP9" s="51"/>
      <c r="AQ9" s="51"/>
      <c r="AR9" s="51"/>
      <c r="AS9" s="51"/>
      <c r="AT9" s="51" t="s">
        <v>18</v>
      </c>
      <c r="AU9" s="51"/>
      <c r="AV9" s="51"/>
      <c r="AW9" s="51"/>
      <c r="AX9" s="51"/>
      <c r="AY9" s="51"/>
      <c r="AZ9" s="51"/>
      <c r="BA9" s="51"/>
      <c r="BB9" s="51" t="s">
        <v>19</v>
      </c>
      <c r="BC9" s="51"/>
      <c r="BD9" s="51"/>
      <c r="BE9" s="51"/>
      <c r="BF9" s="51"/>
      <c r="BG9" s="51"/>
      <c r="BH9" s="51"/>
      <c r="BI9" s="51"/>
      <c r="BJ9" s="3"/>
      <c r="BK9" s="3"/>
      <c r="BL9" s="52" t="s">
        <v>20</v>
      </c>
      <c r="BM9" s="53"/>
      <c r="BN9" s="54" t="s">
        <v>21</v>
      </c>
      <c r="BO9" s="54"/>
      <c r="BP9" s="54"/>
      <c r="BQ9" s="54"/>
      <c r="BR9" s="54"/>
      <c r="BS9" s="54"/>
      <c r="BT9" s="54"/>
      <c r="BU9" s="54"/>
      <c r="BV9" s="54"/>
      <c r="BW9" s="54"/>
      <c r="BX9" s="54"/>
      <c r="BY9" s="55"/>
    </row>
    <row r="10" spans="1:78" ht="18.75" customHeight="1" x14ac:dyDescent="0.2">
      <c r="A10" s="2"/>
      <c r="B10" s="46" t="str">
        <f>データ!N6</f>
        <v>-</v>
      </c>
      <c r="C10" s="46"/>
      <c r="D10" s="46"/>
      <c r="E10" s="46"/>
      <c r="F10" s="46"/>
      <c r="G10" s="46"/>
      <c r="H10" s="46"/>
      <c r="I10" s="46" t="str">
        <f>データ!O6</f>
        <v>該当数値なし</v>
      </c>
      <c r="J10" s="46"/>
      <c r="K10" s="46"/>
      <c r="L10" s="46"/>
      <c r="M10" s="46"/>
      <c r="N10" s="46"/>
      <c r="O10" s="46"/>
      <c r="P10" s="46">
        <f>データ!P6</f>
        <v>83.64</v>
      </c>
      <c r="Q10" s="46"/>
      <c r="R10" s="46"/>
      <c r="S10" s="46"/>
      <c r="T10" s="46"/>
      <c r="U10" s="46"/>
      <c r="V10" s="46"/>
      <c r="W10" s="46">
        <f>データ!Q6</f>
        <v>93.79</v>
      </c>
      <c r="X10" s="46"/>
      <c r="Y10" s="46"/>
      <c r="Z10" s="46"/>
      <c r="AA10" s="46"/>
      <c r="AB10" s="46"/>
      <c r="AC10" s="46"/>
      <c r="AD10" s="45">
        <f>データ!R6</f>
        <v>1485</v>
      </c>
      <c r="AE10" s="45"/>
      <c r="AF10" s="45"/>
      <c r="AG10" s="45"/>
      <c r="AH10" s="45"/>
      <c r="AI10" s="45"/>
      <c r="AJ10" s="45"/>
      <c r="AK10" s="2"/>
      <c r="AL10" s="45">
        <f>データ!V6</f>
        <v>7995</v>
      </c>
      <c r="AM10" s="45"/>
      <c r="AN10" s="45"/>
      <c r="AO10" s="45"/>
      <c r="AP10" s="45"/>
      <c r="AQ10" s="45"/>
      <c r="AR10" s="45"/>
      <c r="AS10" s="45"/>
      <c r="AT10" s="46">
        <f>データ!W6</f>
        <v>3.18</v>
      </c>
      <c r="AU10" s="46"/>
      <c r="AV10" s="46"/>
      <c r="AW10" s="46"/>
      <c r="AX10" s="46"/>
      <c r="AY10" s="46"/>
      <c r="AZ10" s="46"/>
      <c r="BA10" s="46"/>
      <c r="BB10" s="46">
        <f>データ!X6</f>
        <v>2514.15</v>
      </c>
      <c r="BC10" s="46"/>
      <c r="BD10" s="46"/>
      <c r="BE10" s="46"/>
      <c r="BF10" s="46"/>
      <c r="BG10" s="46"/>
      <c r="BH10" s="46"/>
      <c r="BI10" s="46"/>
      <c r="BJ10" s="2"/>
      <c r="BK10" s="2"/>
      <c r="BL10" s="47" t="s">
        <v>22</v>
      </c>
      <c r="BM10" s="48"/>
      <c r="BN10" s="49" t="s">
        <v>23</v>
      </c>
      <c r="BO10" s="49"/>
      <c r="BP10" s="49"/>
      <c r="BQ10" s="49"/>
      <c r="BR10" s="49"/>
      <c r="BS10" s="49"/>
      <c r="BT10" s="49"/>
      <c r="BU10" s="49"/>
      <c r="BV10" s="49"/>
      <c r="BW10" s="49"/>
      <c r="BX10" s="49"/>
      <c r="BY10" s="50"/>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4</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5</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9" t="s">
        <v>117</v>
      </c>
      <c r="BM16" s="30"/>
      <c r="BN16" s="30"/>
      <c r="BO16" s="30"/>
      <c r="BP16" s="30"/>
      <c r="BQ16" s="30"/>
      <c r="BR16" s="30"/>
      <c r="BS16" s="30"/>
      <c r="BT16" s="30"/>
      <c r="BU16" s="30"/>
      <c r="BV16" s="30"/>
      <c r="BW16" s="30"/>
      <c r="BX16" s="30"/>
      <c r="BY16" s="30"/>
      <c r="BZ16" s="3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9"/>
      <c r="BM17" s="30"/>
      <c r="BN17" s="30"/>
      <c r="BO17" s="30"/>
      <c r="BP17" s="30"/>
      <c r="BQ17" s="30"/>
      <c r="BR17" s="30"/>
      <c r="BS17" s="30"/>
      <c r="BT17" s="30"/>
      <c r="BU17" s="30"/>
      <c r="BV17" s="30"/>
      <c r="BW17" s="30"/>
      <c r="BX17" s="30"/>
      <c r="BY17" s="30"/>
      <c r="BZ17" s="3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9"/>
      <c r="BM18" s="30"/>
      <c r="BN18" s="30"/>
      <c r="BO18" s="30"/>
      <c r="BP18" s="30"/>
      <c r="BQ18" s="30"/>
      <c r="BR18" s="30"/>
      <c r="BS18" s="30"/>
      <c r="BT18" s="30"/>
      <c r="BU18" s="30"/>
      <c r="BV18" s="30"/>
      <c r="BW18" s="30"/>
      <c r="BX18" s="30"/>
      <c r="BY18" s="30"/>
      <c r="BZ18" s="3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9"/>
      <c r="BM19" s="30"/>
      <c r="BN19" s="30"/>
      <c r="BO19" s="30"/>
      <c r="BP19" s="30"/>
      <c r="BQ19" s="30"/>
      <c r="BR19" s="30"/>
      <c r="BS19" s="30"/>
      <c r="BT19" s="30"/>
      <c r="BU19" s="30"/>
      <c r="BV19" s="30"/>
      <c r="BW19" s="30"/>
      <c r="BX19" s="30"/>
      <c r="BY19" s="30"/>
      <c r="BZ19" s="3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9"/>
      <c r="BM20" s="30"/>
      <c r="BN20" s="30"/>
      <c r="BO20" s="30"/>
      <c r="BP20" s="30"/>
      <c r="BQ20" s="30"/>
      <c r="BR20" s="30"/>
      <c r="BS20" s="30"/>
      <c r="BT20" s="30"/>
      <c r="BU20" s="30"/>
      <c r="BV20" s="30"/>
      <c r="BW20" s="30"/>
      <c r="BX20" s="30"/>
      <c r="BY20" s="30"/>
      <c r="BZ20" s="3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9"/>
      <c r="BM21" s="30"/>
      <c r="BN21" s="30"/>
      <c r="BO21" s="30"/>
      <c r="BP21" s="30"/>
      <c r="BQ21" s="30"/>
      <c r="BR21" s="30"/>
      <c r="BS21" s="30"/>
      <c r="BT21" s="30"/>
      <c r="BU21" s="30"/>
      <c r="BV21" s="30"/>
      <c r="BW21" s="30"/>
      <c r="BX21" s="30"/>
      <c r="BY21" s="30"/>
      <c r="BZ21" s="3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9"/>
      <c r="BM22" s="30"/>
      <c r="BN22" s="30"/>
      <c r="BO22" s="30"/>
      <c r="BP22" s="30"/>
      <c r="BQ22" s="30"/>
      <c r="BR22" s="30"/>
      <c r="BS22" s="30"/>
      <c r="BT22" s="30"/>
      <c r="BU22" s="30"/>
      <c r="BV22" s="30"/>
      <c r="BW22" s="30"/>
      <c r="BX22" s="30"/>
      <c r="BY22" s="30"/>
      <c r="BZ22" s="3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9"/>
      <c r="BM23" s="30"/>
      <c r="BN23" s="30"/>
      <c r="BO23" s="30"/>
      <c r="BP23" s="30"/>
      <c r="BQ23" s="30"/>
      <c r="BR23" s="30"/>
      <c r="BS23" s="30"/>
      <c r="BT23" s="30"/>
      <c r="BU23" s="30"/>
      <c r="BV23" s="30"/>
      <c r="BW23" s="30"/>
      <c r="BX23" s="30"/>
      <c r="BY23" s="30"/>
      <c r="BZ23" s="3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9"/>
      <c r="BM24" s="30"/>
      <c r="BN24" s="30"/>
      <c r="BO24" s="30"/>
      <c r="BP24" s="30"/>
      <c r="BQ24" s="30"/>
      <c r="BR24" s="30"/>
      <c r="BS24" s="30"/>
      <c r="BT24" s="30"/>
      <c r="BU24" s="30"/>
      <c r="BV24" s="30"/>
      <c r="BW24" s="30"/>
      <c r="BX24" s="30"/>
      <c r="BY24" s="30"/>
      <c r="BZ24" s="3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9"/>
      <c r="BM25" s="30"/>
      <c r="BN25" s="30"/>
      <c r="BO25" s="30"/>
      <c r="BP25" s="30"/>
      <c r="BQ25" s="30"/>
      <c r="BR25" s="30"/>
      <c r="BS25" s="30"/>
      <c r="BT25" s="30"/>
      <c r="BU25" s="30"/>
      <c r="BV25" s="30"/>
      <c r="BW25" s="30"/>
      <c r="BX25" s="30"/>
      <c r="BY25" s="30"/>
      <c r="BZ25" s="3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9"/>
      <c r="BM26" s="30"/>
      <c r="BN26" s="30"/>
      <c r="BO26" s="30"/>
      <c r="BP26" s="30"/>
      <c r="BQ26" s="30"/>
      <c r="BR26" s="30"/>
      <c r="BS26" s="30"/>
      <c r="BT26" s="30"/>
      <c r="BU26" s="30"/>
      <c r="BV26" s="30"/>
      <c r="BW26" s="30"/>
      <c r="BX26" s="30"/>
      <c r="BY26" s="30"/>
      <c r="BZ26" s="3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9"/>
      <c r="BM27" s="30"/>
      <c r="BN27" s="30"/>
      <c r="BO27" s="30"/>
      <c r="BP27" s="30"/>
      <c r="BQ27" s="30"/>
      <c r="BR27" s="30"/>
      <c r="BS27" s="30"/>
      <c r="BT27" s="30"/>
      <c r="BU27" s="30"/>
      <c r="BV27" s="30"/>
      <c r="BW27" s="30"/>
      <c r="BX27" s="30"/>
      <c r="BY27" s="30"/>
      <c r="BZ27" s="3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9"/>
      <c r="BM28" s="30"/>
      <c r="BN28" s="30"/>
      <c r="BO28" s="30"/>
      <c r="BP28" s="30"/>
      <c r="BQ28" s="30"/>
      <c r="BR28" s="30"/>
      <c r="BS28" s="30"/>
      <c r="BT28" s="30"/>
      <c r="BU28" s="30"/>
      <c r="BV28" s="30"/>
      <c r="BW28" s="30"/>
      <c r="BX28" s="30"/>
      <c r="BY28" s="30"/>
      <c r="BZ28" s="3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9"/>
      <c r="BM29" s="30"/>
      <c r="BN29" s="30"/>
      <c r="BO29" s="30"/>
      <c r="BP29" s="30"/>
      <c r="BQ29" s="30"/>
      <c r="BR29" s="30"/>
      <c r="BS29" s="30"/>
      <c r="BT29" s="30"/>
      <c r="BU29" s="30"/>
      <c r="BV29" s="30"/>
      <c r="BW29" s="30"/>
      <c r="BX29" s="30"/>
      <c r="BY29" s="30"/>
      <c r="BZ29" s="3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9"/>
      <c r="BM30" s="30"/>
      <c r="BN30" s="30"/>
      <c r="BO30" s="30"/>
      <c r="BP30" s="30"/>
      <c r="BQ30" s="30"/>
      <c r="BR30" s="30"/>
      <c r="BS30" s="30"/>
      <c r="BT30" s="30"/>
      <c r="BU30" s="30"/>
      <c r="BV30" s="30"/>
      <c r="BW30" s="30"/>
      <c r="BX30" s="30"/>
      <c r="BY30" s="30"/>
      <c r="BZ30" s="3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9"/>
      <c r="BM31" s="30"/>
      <c r="BN31" s="30"/>
      <c r="BO31" s="30"/>
      <c r="BP31" s="30"/>
      <c r="BQ31" s="30"/>
      <c r="BR31" s="30"/>
      <c r="BS31" s="30"/>
      <c r="BT31" s="30"/>
      <c r="BU31" s="30"/>
      <c r="BV31" s="30"/>
      <c r="BW31" s="30"/>
      <c r="BX31" s="30"/>
      <c r="BY31" s="30"/>
      <c r="BZ31" s="3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9"/>
      <c r="BM32" s="30"/>
      <c r="BN32" s="30"/>
      <c r="BO32" s="30"/>
      <c r="BP32" s="30"/>
      <c r="BQ32" s="30"/>
      <c r="BR32" s="30"/>
      <c r="BS32" s="30"/>
      <c r="BT32" s="30"/>
      <c r="BU32" s="30"/>
      <c r="BV32" s="30"/>
      <c r="BW32" s="30"/>
      <c r="BX32" s="30"/>
      <c r="BY32" s="30"/>
      <c r="BZ32" s="3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9"/>
      <c r="BM33" s="30"/>
      <c r="BN33" s="30"/>
      <c r="BO33" s="30"/>
      <c r="BP33" s="30"/>
      <c r="BQ33" s="30"/>
      <c r="BR33" s="30"/>
      <c r="BS33" s="30"/>
      <c r="BT33" s="30"/>
      <c r="BU33" s="30"/>
      <c r="BV33" s="30"/>
      <c r="BW33" s="30"/>
      <c r="BX33" s="30"/>
      <c r="BY33" s="30"/>
      <c r="BZ33" s="3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9"/>
      <c r="BM34" s="30"/>
      <c r="BN34" s="30"/>
      <c r="BO34" s="30"/>
      <c r="BP34" s="30"/>
      <c r="BQ34" s="30"/>
      <c r="BR34" s="30"/>
      <c r="BS34" s="30"/>
      <c r="BT34" s="30"/>
      <c r="BU34" s="30"/>
      <c r="BV34" s="30"/>
      <c r="BW34" s="30"/>
      <c r="BX34" s="30"/>
      <c r="BY34" s="30"/>
      <c r="BZ34" s="3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9"/>
      <c r="BM35" s="30"/>
      <c r="BN35" s="30"/>
      <c r="BO35" s="30"/>
      <c r="BP35" s="30"/>
      <c r="BQ35" s="30"/>
      <c r="BR35" s="30"/>
      <c r="BS35" s="30"/>
      <c r="BT35" s="30"/>
      <c r="BU35" s="30"/>
      <c r="BV35" s="30"/>
      <c r="BW35" s="30"/>
      <c r="BX35" s="30"/>
      <c r="BY35" s="30"/>
      <c r="BZ35" s="3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9"/>
      <c r="BM36" s="30"/>
      <c r="BN36" s="30"/>
      <c r="BO36" s="30"/>
      <c r="BP36" s="30"/>
      <c r="BQ36" s="30"/>
      <c r="BR36" s="30"/>
      <c r="BS36" s="30"/>
      <c r="BT36" s="30"/>
      <c r="BU36" s="30"/>
      <c r="BV36" s="30"/>
      <c r="BW36" s="30"/>
      <c r="BX36" s="30"/>
      <c r="BY36" s="30"/>
      <c r="BZ36" s="3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9"/>
      <c r="BM37" s="30"/>
      <c r="BN37" s="30"/>
      <c r="BO37" s="30"/>
      <c r="BP37" s="30"/>
      <c r="BQ37" s="30"/>
      <c r="BR37" s="30"/>
      <c r="BS37" s="30"/>
      <c r="BT37" s="30"/>
      <c r="BU37" s="30"/>
      <c r="BV37" s="30"/>
      <c r="BW37" s="30"/>
      <c r="BX37" s="30"/>
      <c r="BY37" s="30"/>
      <c r="BZ37" s="3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9"/>
      <c r="BM38" s="30"/>
      <c r="BN38" s="30"/>
      <c r="BO38" s="30"/>
      <c r="BP38" s="30"/>
      <c r="BQ38" s="30"/>
      <c r="BR38" s="30"/>
      <c r="BS38" s="30"/>
      <c r="BT38" s="30"/>
      <c r="BU38" s="30"/>
      <c r="BV38" s="30"/>
      <c r="BW38" s="30"/>
      <c r="BX38" s="30"/>
      <c r="BY38" s="30"/>
      <c r="BZ38" s="3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9"/>
      <c r="BM39" s="30"/>
      <c r="BN39" s="30"/>
      <c r="BO39" s="30"/>
      <c r="BP39" s="30"/>
      <c r="BQ39" s="30"/>
      <c r="BR39" s="30"/>
      <c r="BS39" s="30"/>
      <c r="BT39" s="30"/>
      <c r="BU39" s="30"/>
      <c r="BV39" s="30"/>
      <c r="BW39" s="30"/>
      <c r="BX39" s="30"/>
      <c r="BY39" s="30"/>
      <c r="BZ39" s="3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9"/>
      <c r="BM40" s="30"/>
      <c r="BN40" s="30"/>
      <c r="BO40" s="30"/>
      <c r="BP40" s="30"/>
      <c r="BQ40" s="30"/>
      <c r="BR40" s="30"/>
      <c r="BS40" s="30"/>
      <c r="BT40" s="30"/>
      <c r="BU40" s="30"/>
      <c r="BV40" s="30"/>
      <c r="BW40" s="30"/>
      <c r="BX40" s="30"/>
      <c r="BY40" s="30"/>
      <c r="BZ40" s="3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9"/>
      <c r="BM41" s="30"/>
      <c r="BN41" s="30"/>
      <c r="BO41" s="30"/>
      <c r="BP41" s="30"/>
      <c r="BQ41" s="30"/>
      <c r="BR41" s="30"/>
      <c r="BS41" s="30"/>
      <c r="BT41" s="30"/>
      <c r="BU41" s="30"/>
      <c r="BV41" s="30"/>
      <c r="BW41" s="30"/>
      <c r="BX41" s="30"/>
      <c r="BY41" s="30"/>
      <c r="BZ41" s="3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9"/>
      <c r="BM42" s="30"/>
      <c r="BN42" s="30"/>
      <c r="BO42" s="30"/>
      <c r="BP42" s="30"/>
      <c r="BQ42" s="30"/>
      <c r="BR42" s="30"/>
      <c r="BS42" s="30"/>
      <c r="BT42" s="30"/>
      <c r="BU42" s="30"/>
      <c r="BV42" s="30"/>
      <c r="BW42" s="30"/>
      <c r="BX42" s="30"/>
      <c r="BY42" s="30"/>
      <c r="BZ42" s="3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9"/>
      <c r="BM43" s="30"/>
      <c r="BN43" s="30"/>
      <c r="BO43" s="30"/>
      <c r="BP43" s="30"/>
      <c r="BQ43" s="30"/>
      <c r="BR43" s="30"/>
      <c r="BS43" s="30"/>
      <c r="BT43" s="30"/>
      <c r="BU43" s="30"/>
      <c r="BV43" s="30"/>
      <c r="BW43" s="30"/>
      <c r="BX43" s="30"/>
      <c r="BY43" s="30"/>
      <c r="BZ43" s="3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2"/>
      <c r="BM44" s="33"/>
      <c r="BN44" s="33"/>
      <c r="BO44" s="33"/>
      <c r="BP44" s="33"/>
      <c r="BQ44" s="33"/>
      <c r="BR44" s="33"/>
      <c r="BS44" s="33"/>
      <c r="BT44" s="33"/>
      <c r="BU44" s="33"/>
      <c r="BV44" s="33"/>
      <c r="BW44" s="33"/>
      <c r="BX44" s="33"/>
      <c r="BY44" s="33"/>
      <c r="BZ44" s="3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19</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9" t="s">
        <v>118</v>
      </c>
      <c r="BM66" s="30"/>
      <c r="BN66" s="30"/>
      <c r="BO66" s="30"/>
      <c r="BP66" s="30"/>
      <c r="BQ66" s="30"/>
      <c r="BR66" s="30"/>
      <c r="BS66" s="30"/>
      <c r="BT66" s="30"/>
      <c r="BU66" s="30"/>
      <c r="BV66" s="30"/>
      <c r="BW66" s="30"/>
      <c r="BX66" s="30"/>
      <c r="BY66" s="30"/>
      <c r="BZ66" s="3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9"/>
      <c r="BM67" s="30"/>
      <c r="BN67" s="30"/>
      <c r="BO67" s="30"/>
      <c r="BP67" s="30"/>
      <c r="BQ67" s="30"/>
      <c r="BR67" s="30"/>
      <c r="BS67" s="30"/>
      <c r="BT67" s="30"/>
      <c r="BU67" s="30"/>
      <c r="BV67" s="30"/>
      <c r="BW67" s="30"/>
      <c r="BX67" s="30"/>
      <c r="BY67" s="30"/>
      <c r="BZ67" s="3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9"/>
      <c r="BM68" s="30"/>
      <c r="BN68" s="30"/>
      <c r="BO68" s="30"/>
      <c r="BP68" s="30"/>
      <c r="BQ68" s="30"/>
      <c r="BR68" s="30"/>
      <c r="BS68" s="30"/>
      <c r="BT68" s="30"/>
      <c r="BU68" s="30"/>
      <c r="BV68" s="30"/>
      <c r="BW68" s="30"/>
      <c r="BX68" s="30"/>
      <c r="BY68" s="30"/>
      <c r="BZ68" s="3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9"/>
      <c r="BM69" s="30"/>
      <c r="BN69" s="30"/>
      <c r="BO69" s="30"/>
      <c r="BP69" s="30"/>
      <c r="BQ69" s="30"/>
      <c r="BR69" s="30"/>
      <c r="BS69" s="30"/>
      <c r="BT69" s="30"/>
      <c r="BU69" s="30"/>
      <c r="BV69" s="30"/>
      <c r="BW69" s="30"/>
      <c r="BX69" s="30"/>
      <c r="BY69" s="30"/>
      <c r="BZ69" s="3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9"/>
      <c r="BM70" s="30"/>
      <c r="BN70" s="30"/>
      <c r="BO70" s="30"/>
      <c r="BP70" s="30"/>
      <c r="BQ70" s="30"/>
      <c r="BR70" s="30"/>
      <c r="BS70" s="30"/>
      <c r="BT70" s="30"/>
      <c r="BU70" s="30"/>
      <c r="BV70" s="30"/>
      <c r="BW70" s="30"/>
      <c r="BX70" s="30"/>
      <c r="BY70" s="30"/>
      <c r="BZ70" s="3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9"/>
      <c r="BM71" s="30"/>
      <c r="BN71" s="30"/>
      <c r="BO71" s="30"/>
      <c r="BP71" s="30"/>
      <c r="BQ71" s="30"/>
      <c r="BR71" s="30"/>
      <c r="BS71" s="30"/>
      <c r="BT71" s="30"/>
      <c r="BU71" s="30"/>
      <c r="BV71" s="30"/>
      <c r="BW71" s="30"/>
      <c r="BX71" s="30"/>
      <c r="BY71" s="30"/>
      <c r="BZ71" s="3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9"/>
      <c r="BM72" s="30"/>
      <c r="BN72" s="30"/>
      <c r="BO72" s="30"/>
      <c r="BP72" s="30"/>
      <c r="BQ72" s="30"/>
      <c r="BR72" s="30"/>
      <c r="BS72" s="30"/>
      <c r="BT72" s="30"/>
      <c r="BU72" s="30"/>
      <c r="BV72" s="30"/>
      <c r="BW72" s="30"/>
      <c r="BX72" s="30"/>
      <c r="BY72" s="30"/>
      <c r="BZ72" s="3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9"/>
      <c r="BM73" s="30"/>
      <c r="BN73" s="30"/>
      <c r="BO73" s="30"/>
      <c r="BP73" s="30"/>
      <c r="BQ73" s="30"/>
      <c r="BR73" s="30"/>
      <c r="BS73" s="30"/>
      <c r="BT73" s="30"/>
      <c r="BU73" s="30"/>
      <c r="BV73" s="30"/>
      <c r="BW73" s="30"/>
      <c r="BX73" s="30"/>
      <c r="BY73" s="30"/>
      <c r="BZ73" s="3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9"/>
      <c r="BM74" s="30"/>
      <c r="BN74" s="30"/>
      <c r="BO74" s="30"/>
      <c r="BP74" s="30"/>
      <c r="BQ74" s="30"/>
      <c r="BR74" s="30"/>
      <c r="BS74" s="30"/>
      <c r="BT74" s="30"/>
      <c r="BU74" s="30"/>
      <c r="BV74" s="30"/>
      <c r="BW74" s="30"/>
      <c r="BX74" s="30"/>
      <c r="BY74" s="30"/>
      <c r="BZ74" s="3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9"/>
      <c r="BM75" s="30"/>
      <c r="BN75" s="30"/>
      <c r="BO75" s="30"/>
      <c r="BP75" s="30"/>
      <c r="BQ75" s="30"/>
      <c r="BR75" s="30"/>
      <c r="BS75" s="30"/>
      <c r="BT75" s="30"/>
      <c r="BU75" s="30"/>
      <c r="BV75" s="30"/>
      <c r="BW75" s="30"/>
      <c r="BX75" s="30"/>
      <c r="BY75" s="30"/>
      <c r="BZ75" s="3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9"/>
      <c r="BM76" s="30"/>
      <c r="BN76" s="30"/>
      <c r="BO76" s="30"/>
      <c r="BP76" s="30"/>
      <c r="BQ76" s="30"/>
      <c r="BR76" s="30"/>
      <c r="BS76" s="30"/>
      <c r="BT76" s="30"/>
      <c r="BU76" s="30"/>
      <c r="BV76" s="30"/>
      <c r="BW76" s="30"/>
      <c r="BX76" s="30"/>
      <c r="BY76" s="30"/>
      <c r="BZ76" s="3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9"/>
      <c r="BM77" s="30"/>
      <c r="BN77" s="30"/>
      <c r="BO77" s="30"/>
      <c r="BP77" s="30"/>
      <c r="BQ77" s="30"/>
      <c r="BR77" s="30"/>
      <c r="BS77" s="30"/>
      <c r="BT77" s="30"/>
      <c r="BU77" s="30"/>
      <c r="BV77" s="30"/>
      <c r="BW77" s="30"/>
      <c r="BX77" s="30"/>
      <c r="BY77" s="30"/>
      <c r="BZ77" s="3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9"/>
      <c r="BM78" s="30"/>
      <c r="BN78" s="30"/>
      <c r="BO78" s="30"/>
      <c r="BP78" s="30"/>
      <c r="BQ78" s="30"/>
      <c r="BR78" s="30"/>
      <c r="BS78" s="30"/>
      <c r="BT78" s="30"/>
      <c r="BU78" s="30"/>
      <c r="BV78" s="30"/>
      <c r="BW78" s="30"/>
      <c r="BX78" s="30"/>
      <c r="BY78" s="30"/>
      <c r="BZ78" s="3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9"/>
      <c r="BM79" s="30"/>
      <c r="BN79" s="30"/>
      <c r="BO79" s="30"/>
      <c r="BP79" s="30"/>
      <c r="BQ79" s="30"/>
      <c r="BR79" s="30"/>
      <c r="BS79" s="30"/>
      <c r="BT79" s="30"/>
      <c r="BU79" s="30"/>
      <c r="BV79" s="30"/>
      <c r="BW79" s="30"/>
      <c r="BX79" s="30"/>
      <c r="BY79" s="30"/>
      <c r="BZ79" s="3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9"/>
      <c r="BM80" s="30"/>
      <c r="BN80" s="30"/>
      <c r="BO80" s="30"/>
      <c r="BP80" s="30"/>
      <c r="BQ80" s="30"/>
      <c r="BR80" s="30"/>
      <c r="BS80" s="30"/>
      <c r="BT80" s="30"/>
      <c r="BU80" s="30"/>
      <c r="BV80" s="30"/>
      <c r="BW80" s="30"/>
      <c r="BX80" s="30"/>
      <c r="BY80" s="30"/>
      <c r="BZ80" s="3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9"/>
      <c r="BM81" s="30"/>
      <c r="BN81" s="30"/>
      <c r="BO81" s="30"/>
      <c r="BP81" s="30"/>
      <c r="BQ81" s="30"/>
      <c r="BR81" s="30"/>
      <c r="BS81" s="30"/>
      <c r="BT81" s="30"/>
      <c r="BU81" s="30"/>
      <c r="BV81" s="30"/>
      <c r="BW81" s="30"/>
      <c r="BX81" s="30"/>
      <c r="BY81" s="30"/>
      <c r="BZ81" s="3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2"/>
      <c r="BM82" s="33"/>
      <c r="BN82" s="33"/>
      <c r="BO82" s="33"/>
      <c r="BP82" s="33"/>
      <c r="BQ82" s="33"/>
      <c r="BR82" s="33"/>
      <c r="BS82" s="33"/>
      <c r="BT82" s="33"/>
      <c r="BU82" s="33"/>
      <c r="BV82" s="33"/>
      <c r="BW82" s="33"/>
      <c r="BX82" s="33"/>
      <c r="BY82" s="33"/>
      <c r="BZ82" s="34"/>
    </row>
    <row r="83" spans="1:78" x14ac:dyDescent="0.2">
      <c r="C83" s="44" t="s">
        <v>30</v>
      </c>
      <c r="D83" s="44"/>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44"/>
      <c r="AE83" s="44"/>
      <c r="AF83" s="44"/>
      <c r="AG83" s="44"/>
      <c r="AH83" s="44"/>
      <c r="AI83" s="44"/>
      <c r="AJ83" s="44"/>
      <c r="AK83" s="44"/>
      <c r="AL83" s="44"/>
      <c r="AM83" s="44"/>
      <c r="AN83" s="44"/>
      <c r="AO83" s="44"/>
      <c r="AP83" s="44"/>
      <c r="AQ83" s="44"/>
      <c r="AR83" s="44"/>
      <c r="AS83" s="44"/>
      <c r="AT83" s="44"/>
      <c r="AU83" s="44"/>
      <c r="AV83" s="44"/>
      <c r="AW83" s="44"/>
      <c r="AX83" s="44"/>
      <c r="AY83" s="44"/>
      <c r="AZ83" s="44"/>
      <c r="BA83" s="44"/>
      <c r="BB83" s="44"/>
      <c r="BC83" s="44"/>
      <c r="BD83" s="44"/>
      <c r="BE83" s="44"/>
      <c r="BF83" s="44"/>
      <c r="BG83" s="44"/>
      <c r="BH83" s="44"/>
      <c r="BI83" s="44"/>
      <c r="BJ83" s="44"/>
    </row>
    <row r="84" spans="1:78" x14ac:dyDescent="0.2">
      <c r="C84" s="2"/>
    </row>
    <row r="85" spans="1:78" hidden="1" x14ac:dyDescent="0.2">
      <c r="B85" s="12" t="s">
        <v>31</v>
      </c>
      <c r="C85" s="12"/>
      <c r="D85" s="12"/>
      <c r="E85" s="12" t="s">
        <v>32</v>
      </c>
      <c r="F85" s="12" t="s">
        <v>33</v>
      </c>
      <c r="G85" s="12" t="s">
        <v>34</v>
      </c>
      <c r="H85" s="12" t="s">
        <v>35</v>
      </c>
      <c r="I85" s="12" t="s">
        <v>36</v>
      </c>
      <c r="J85" s="12" t="s">
        <v>37</v>
      </c>
      <c r="K85" s="12" t="s">
        <v>38</v>
      </c>
      <c r="L85" s="12" t="s">
        <v>39</v>
      </c>
      <c r="M85" s="12" t="s">
        <v>40</v>
      </c>
      <c r="N85" s="12" t="s">
        <v>41</v>
      </c>
      <c r="O85" s="12" t="s">
        <v>42</v>
      </c>
    </row>
    <row r="86" spans="1:78" hidden="1" x14ac:dyDescent="0.2">
      <c r="B86" s="12"/>
      <c r="C86" s="12"/>
      <c r="D86" s="12"/>
      <c r="E86" s="12" t="str">
        <f>データ!AI6</f>
        <v/>
      </c>
      <c r="F86" s="12" t="s">
        <v>43</v>
      </c>
      <c r="G86" s="12" t="s">
        <v>43</v>
      </c>
      <c r="H86" s="12" t="str">
        <f>データ!BP6</f>
        <v>【652.82】</v>
      </c>
      <c r="I86" s="12" t="str">
        <f>データ!CA6</f>
        <v>【97.61】</v>
      </c>
      <c r="J86" s="12" t="str">
        <f>データ!CL6</f>
        <v>【138.29】</v>
      </c>
      <c r="K86" s="12" t="str">
        <f>データ!CW6</f>
        <v>【59.10】</v>
      </c>
      <c r="L86" s="12" t="str">
        <f>データ!DH6</f>
        <v>【95.82】</v>
      </c>
      <c r="M86" s="12" t="s">
        <v>44</v>
      </c>
      <c r="N86" s="12" t="s">
        <v>44</v>
      </c>
      <c r="O86" s="12" t="str">
        <f>データ!EO6</f>
        <v>【0.23】</v>
      </c>
    </row>
  </sheetData>
  <sheetProtection algorithmName="SHA-512" hashValue="I/MwvxF5BW6jBoLrxqnjlXi66cRNdCv3fddVmQeHtExzzTtybvld945diyjPT7PFsRdAndkCtSJ8Z8zvNphdKQ==" saltValue="PNyJ7QtWvMcMzoHSInSpzw=="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P9:V9"/>
    <mergeCell ref="W9:AC9"/>
    <mergeCell ref="AD9:AJ9"/>
    <mergeCell ref="AL8:AS8"/>
    <mergeCell ref="AL9:AS9"/>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AL10:AS10"/>
    <mergeCell ref="AT10:BA10"/>
    <mergeCell ref="BB10:BI10"/>
    <mergeCell ref="BL10:BM10"/>
    <mergeCell ref="BN10:BY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3"/>
  <sheetViews>
    <sheetView showGridLines="0" workbookViewId="0"/>
  </sheetViews>
  <sheetFormatPr defaultRowHeight="13.2" x14ac:dyDescent="0.2"/>
  <cols>
    <col min="2" max="144" width="11.88671875" customWidth="1"/>
  </cols>
  <sheetData>
    <row r="1" spans="1:145" x14ac:dyDescent="0.2">
      <c r="A1" t="s">
        <v>45</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5" x14ac:dyDescent="0.2">
      <c r="A2" s="14" t="s">
        <v>46</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5" x14ac:dyDescent="0.2">
      <c r="A3" s="14" t="s">
        <v>47</v>
      </c>
      <c r="B3" s="15" t="s">
        <v>48</v>
      </c>
      <c r="C3" s="15" t="s">
        <v>49</v>
      </c>
      <c r="D3" s="15" t="s">
        <v>50</v>
      </c>
      <c r="E3" s="15" t="s">
        <v>51</v>
      </c>
      <c r="F3" s="15" t="s">
        <v>52</v>
      </c>
      <c r="G3" s="15" t="s">
        <v>53</v>
      </c>
      <c r="H3" s="73" t="s">
        <v>54</v>
      </c>
      <c r="I3" s="74"/>
      <c r="J3" s="74"/>
      <c r="K3" s="74"/>
      <c r="L3" s="74"/>
      <c r="M3" s="74"/>
      <c r="N3" s="74"/>
      <c r="O3" s="74"/>
      <c r="P3" s="74"/>
      <c r="Q3" s="74"/>
      <c r="R3" s="74"/>
      <c r="S3" s="74"/>
      <c r="T3" s="74"/>
      <c r="U3" s="74"/>
      <c r="V3" s="74"/>
      <c r="W3" s="74"/>
      <c r="X3" s="75"/>
      <c r="Y3" s="79" t="s">
        <v>55</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6</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5" x14ac:dyDescent="0.2">
      <c r="A4" s="14" t="s">
        <v>57</v>
      </c>
      <c r="B4" s="16"/>
      <c r="C4" s="16"/>
      <c r="D4" s="16"/>
      <c r="E4" s="16"/>
      <c r="F4" s="16"/>
      <c r="G4" s="16"/>
      <c r="H4" s="76"/>
      <c r="I4" s="77"/>
      <c r="J4" s="77"/>
      <c r="K4" s="77"/>
      <c r="L4" s="77"/>
      <c r="M4" s="77"/>
      <c r="N4" s="77"/>
      <c r="O4" s="77"/>
      <c r="P4" s="77"/>
      <c r="Q4" s="77"/>
      <c r="R4" s="77"/>
      <c r="S4" s="77"/>
      <c r="T4" s="77"/>
      <c r="U4" s="77"/>
      <c r="V4" s="77"/>
      <c r="W4" s="77"/>
      <c r="X4" s="78"/>
      <c r="Y4" s="72" t="s">
        <v>58</v>
      </c>
      <c r="Z4" s="72"/>
      <c r="AA4" s="72"/>
      <c r="AB4" s="72"/>
      <c r="AC4" s="72"/>
      <c r="AD4" s="72"/>
      <c r="AE4" s="72"/>
      <c r="AF4" s="72"/>
      <c r="AG4" s="72"/>
      <c r="AH4" s="72"/>
      <c r="AI4" s="72"/>
      <c r="AJ4" s="72" t="s">
        <v>59</v>
      </c>
      <c r="AK4" s="72"/>
      <c r="AL4" s="72"/>
      <c r="AM4" s="72"/>
      <c r="AN4" s="72"/>
      <c r="AO4" s="72"/>
      <c r="AP4" s="72"/>
      <c r="AQ4" s="72"/>
      <c r="AR4" s="72"/>
      <c r="AS4" s="72"/>
      <c r="AT4" s="72"/>
      <c r="AU4" s="72" t="s">
        <v>60</v>
      </c>
      <c r="AV4" s="72"/>
      <c r="AW4" s="72"/>
      <c r="AX4" s="72"/>
      <c r="AY4" s="72"/>
      <c r="AZ4" s="72"/>
      <c r="BA4" s="72"/>
      <c r="BB4" s="72"/>
      <c r="BC4" s="72"/>
      <c r="BD4" s="72"/>
      <c r="BE4" s="72"/>
      <c r="BF4" s="72" t="s">
        <v>61</v>
      </c>
      <c r="BG4" s="72"/>
      <c r="BH4" s="72"/>
      <c r="BI4" s="72"/>
      <c r="BJ4" s="72"/>
      <c r="BK4" s="72"/>
      <c r="BL4" s="72"/>
      <c r="BM4" s="72"/>
      <c r="BN4" s="72"/>
      <c r="BO4" s="72"/>
      <c r="BP4" s="72"/>
      <c r="BQ4" s="72" t="s">
        <v>62</v>
      </c>
      <c r="BR4" s="72"/>
      <c r="BS4" s="72"/>
      <c r="BT4" s="72"/>
      <c r="BU4" s="72"/>
      <c r="BV4" s="72"/>
      <c r="BW4" s="72"/>
      <c r="BX4" s="72"/>
      <c r="BY4" s="72"/>
      <c r="BZ4" s="72"/>
      <c r="CA4" s="72"/>
      <c r="CB4" s="72" t="s">
        <v>63</v>
      </c>
      <c r="CC4" s="72"/>
      <c r="CD4" s="72"/>
      <c r="CE4" s="72"/>
      <c r="CF4" s="72"/>
      <c r="CG4" s="72"/>
      <c r="CH4" s="72"/>
      <c r="CI4" s="72"/>
      <c r="CJ4" s="72"/>
      <c r="CK4" s="72"/>
      <c r="CL4" s="72"/>
      <c r="CM4" s="72" t="s">
        <v>64</v>
      </c>
      <c r="CN4" s="72"/>
      <c r="CO4" s="72"/>
      <c r="CP4" s="72"/>
      <c r="CQ4" s="72"/>
      <c r="CR4" s="72"/>
      <c r="CS4" s="72"/>
      <c r="CT4" s="72"/>
      <c r="CU4" s="72"/>
      <c r="CV4" s="72"/>
      <c r="CW4" s="72"/>
      <c r="CX4" s="72" t="s">
        <v>65</v>
      </c>
      <c r="CY4" s="72"/>
      <c r="CZ4" s="72"/>
      <c r="DA4" s="72"/>
      <c r="DB4" s="72"/>
      <c r="DC4" s="72"/>
      <c r="DD4" s="72"/>
      <c r="DE4" s="72"/>
      <c r="DF4" s="72"/>
      <c r="DG4" s="72"/>
      <c r="DH4" s="72"/>
      <c r="DI4" s="72" t="s">
        <v>66</v>
      </c>
      <c r="DJ4" s="72"/>
      <c r="DK4" s="72"/>
      <c r="DL4" s="72"/>
      <c r="DM4" s="72"/>
      <c r="DN4" s="72"/>
      <c r="DO4" s="72"/>
      <c r="DP4" s="72"/>
      <c r="DQ4" s="72"/>
      <c r="DR4" s="72"/>
      <c r="DS4" s="72"/>
      <c r="DT4" s="72" t="s">
        <v>67</v>
      </c>
      <c r="DU4" s="72"/>
      <c r="DV4" s="72"/>
      <c r="DW4" s="72"/>
      <c r="DX4" s="72"/>
      <c r="DY4" s="72"/>
      <c r="DZ4" s="72"/>
      <c r="EA4" s="72"/>
      <c r="EB4" s="72"/>
      <c r="EC4" s="72"/>
      <c r="ED4" s="72"/>
      <c r="EE4" s="72" t="s">
        <v>68</v>
      </c>
      <c r="EF4" s="72"/>
      <c r="EG4" s="72"/>
      <c r="EH4" s="72"/>
      <c r="EI4" s="72"/>
      <c r="EJ4" s="72"/>
      <c r="EK4" s="72"/>
      <c r="EL4" s="72"/>
      <c r="EM4" s="72"/>
      <c r="EN4" s="72"/>
      <c r="EO4" s="72"/>
    </row>
    <row r="5" spans="1:145" x14ac:dyDescent="0.2">
      <c r="A5" s="14" t="s">
        <v>69</v>
      </c>
      <c r="B5" s="17"/>
      <c r="C5" s="17"/>
      <c r="D5" s="17"/>
      <c r="E5" s="17"/>
      <c r="F5" s="17"/>
      <c r="G5" s="17"/>
      <c r="H5" s="18" t="s">
        <v>70</v>
      </c>
      <c r="I5" s="18" t="s">
        <v>71</v>
      </c>
      <c r="J5" s="18" t="s">
        <v>72</v>
      </c>
      <c r="K5" s="18" t="s">
        <v>73</v>
      </c>
      <c r="L5" s="18" t="s">
        <v>74</v>
      </c>
      <c r="M5" s="18" t="s">
        <v>5</v>
      </c>
      <c r="N5" s="18" t="s">
        <v>75</v>
      </c>
      <c r="O5" s="18" t="s">
        <v>76</v>
      </c>
      <c r="P5" s="18" t="s">
        <v>77</v>
      </c>
      <c r="Q5" s="18" t="s">
        <v>78</v>
      </c>
      <c r="R5" s="18" t="s">
        <v>79</v>
      </c>
      <c r="S5" s="18" t="s">
        <v>80</v>
      </c>
      <c r="T5" s="18" t="s">
        <v>81</v>
      </c>
      <c r="U5" s="18" t="s">
        <v>82</v>
      </c>
      <c r="V5" s="18" t="s">
        <v>83</v>
      </c>
      <c r="W5" s="18" t="s">
        <v>84</v>
      </c>
      <c r="X5" s="18" t="s">
        <v>85</v>
      </c>
      <c r="Y5" s="18" t="s">
        <v>86</v>
      </c>
      <c r="Z5" s="18" t="s">
        <v>87</v>
      </c>
      <c r="AA5" s="18" t="s">
        <v>88</v>
      </c>
      <c r="AB5" s="18" t="s">
        <v>89</v>
      </c>
      <c r="AC5" s="18" t="s">
        <v>90</v>
      </c>
      <c r="AD5" s="18" t="s">
        <v>91</v>
      </c>
      <c r="AE5" s="18" t="s">
        <v>92</v>
      </c>
      <c r="AF5" s="18" t="s">
        <v>93</v>
      </c>
      <c r="AG5" s="18" t="s">
        <v>94</v>
      </c>
      <c r="AH5" s="18" t="s">
        <v>95</v>
      </c>
      <c r="AI5" s="18" t="s">
        <v>31</v>
      </c>
      <c r="AJ5" s="18" t="s">
        <v>86</v>
      </c>
      <c r="AK5" s="18" t="s">
        <v>87</v>
      </c>
      <c r="AL5" s="18" t="s">
        <v>88</v>
      </c>
      <c r="AM5" s="18" t="s">
        <v>89</v>
      </c>
      <c r="AN5" s="18" t="s">
        <v>90</v>
      </c>
      <c r="AO5" s="18" t="s">
        <v>91</v>
      </c>
      <c r="AP5" s="18" t="s">
        <v>92</v>
      </c>
      <c r="AQ5" s="18" t="s">
        <v>93</v>
      </c>
      <c r="AR5" s="18" t="s">
        <v>94</v>
      </c>
      <c r="AS5" s="18" t="s">
        <v>95</v>
      </c>
      <c r="AT5" s="18" t="s">
        <v>96</v>
      </c>
      <c r="AU5" s="18" t="s">
        <v>86</v>
      </c>
      <c r="AV5" s="18" t="s">
        <v>87</v>
      </c>
      <c r="AW5" s="18" t="s">
        <v>88</v>
      </c>
      <c r="AX5" s="18" t="s">
        <v>89</v>
      </c>
      <c r="AY5" s="18" t="s">
        <v>90</v>
      </c>
      <c r="AZ5" s="18" t="s">
        <v>91</v>
      </c>
      <c r="BA5" s="18" t="s">
        <v>92</v>
      </c>
      <c r="BB5" s="18" t="s">
        <v>93</v>
      </c>
      <c r="BC5" s="18" t="s">
        <v>94</v>
      </c>
      <c r="BD5" s="18" t="s">
        <v>95</v>
      </c>
      <c r="BE5" s="18" t="s">
        <v>96</v>
      </c>
      <c r="BF5" s="18" t="s">
        <v>86</v>
      </c>
      <c r="BG5" s="18" t="s">
        <v>87</v>
      </c>
      <c r="BH5" s="18" t="s">
        <v>88</v>
      </c>
      <c r="BI5" s="18" t="s">
        <v>89</v>
      </c>
      <c r="BJ5" s="18" t="s">
        <v>90</v>
      </c>
      <c r="BK5" s="18" t="s">
        <v>91</v>
      </c>
      <c r="BL5" s="18" t="s">
        <v>92</v>
      </c>
      <c r="BM5" s="18" t="s">
        <v>93</v>
      </c>
      <c r="BN5" s="18" t="s">
        <v>94</v>
      </c>
      <c r="BO5" s="18" t="s">
        <v>95</v>
      </c>
      <c r="BP5" s="18" t="s">
        <v>96</v>
      </c>
      <c r="BQ5" s="18" t="s">
        <v>86</v>
      </c>
      <c r="BR5" s="18" t="s">
        <v>87</v>
      </c>
      <c r="BS5" s="18" t="s">
        <v>88</v>
      </c>
      <c r="BT5" s="18" t="s">
        <v>89</v>
      </c>
      <c r="BU5" s="18" t="s">
        <v>90</v>
      </c>
      <c r="BV5" s="18" t="s">
        <v>91</v>
      </c>
      <c r="BW5" s="18" t="s">
        <v>92</v>
      </c>
      <c r="BX5" s="18" t="s">
        <v>93</v>
      </c>
      <c r="BY5" s="18" t="s">
        <v>94</v>
      </c>
      <c r="BZ5" s="18" t="s">
        <v>95</v>
      </c>
      <c r="CA5" s="18" t="s">
        <v>96</v>
      </c>
      <c r="CB5" s="18" t="s">
        <v>86</v>
      </c>
      <c r="CC5" s="18" t="s">
        <v>87</v>
      </c>
      <c r="CD5" s="18" t="s">
        <v>88</v>
      </c>
      <c r="CE5" s="18" t="s">
        <v>89</v>
      </c>
      <c r="CF5" s="18" t="s">
        <v>90</v>
      </c>
      <c r="CG5" s="18" t="s">
        <v>91</v>
      </c>
      <c r="CH5" s="18" t="s">
        <v>92</v>
      </c>
      <c r="CI5" s="18" t="s">
        <v>93</v>
      </c>
      <c r="CJ5" s="18" t="s">
        <v>94</v>
      </c>
      <c r="CK5" s="18" t="s">
        <v>95</v>
      </c>
      <c r="CL5" s="18" t="s">
        <v>96</v>
      </c>
      <c r="CM5" s="18" t="s">
        <v>86</v>
      </c>
      <c r="CN5" s="18" t="s">
        <v>87</v>
      </c>
      <c r="CO5" s="18" t="s">
        <v>88</v>
      </c>
      <c r="CP5" s="18" t="s">
        <v>89</v>
      </c>
      <c r="CQ5" s="18" t="s">
        <v>90</v>
      </c>
      <c r="CR5" s="18" t="s">
        <v>91</v>
      </c>
      <c r="CS5" s="18" t="s">
        <v>92</v>
      </c>
      <c r="CT5" s="18" t="s">
        <v>93</v>
      </c>
      <c r="CU5" s="18" t="s">
        <v>94</v>
      </c>
      <c r="CV5" s="18" t="s">
        <v>95</v>
      </c>
      <c r="CW5" s="18" t="s">
        <v>96</v>
      </c>
      <c r="CX5" s="18" t="s">
        <v>86</v>
      </c>
      <c r="CY5" s="18" t="s">
        <v>87</v>
      </c>
      <c r="CZ5" s="18" t="s">
        <v>88</v>
      </c>
      <c r="DA5" s="18" t="s">
        <v>89</v>
      </c>
      <c r="DB5" s="18" t="s">
        <v>90</v>
      </c>
      <c r="DC5" s="18" t="s">
        <v>91</v>
      </c>
      <c r="DD5" s="18" t="s">
        <v>92</v>
      </c>
      <c r="DE5" s="18" t="s">
        <v>93</v>
      </c>
      <c r="DF5" s="18" t="s">
        <v>94</v>
      </c>
      <c r="DG5" s="18" t="s">
        <v>95</v>
      </c>
      <c r="DH5" s="18" t="s">
        <v>96</v>
      </c>
      <c r="DI5" s="18" t="s">
        <v>86</v>
      </c>
      <c r="DJ5" s="18" t="s">
        <v>87</v>
      </c>
      <c r="DK5" s="18" t="s">
        <v>88</v>
      </c>
      <c r="DL5" s="18" t="s">
        <v>89</v>
      </c>
      <c r="DM5" s="18" t="s">
        <v>90</v>
      </c>
      <c r="DN5" s="18" t="s">
        <v>91</v>
      </c>
      <c r="DO5" s="18" t="s">
        <v>92</v>
      </c>
      <c r="DP5" s="18" t="s">
        <v>93</v>
      </c>
      <c r="DQ5" s="18" t="s">
        <v>94</v>
      </c>
      <c r="DR5" s="18" t="s">
        <v>95</v>
      </c>
      <c r="DS5" s="18" t="s">
        <v>96</v>
      </c>
      <c r="DT5" s="18" t="s">
        <v>86</v>
      </c>
      <c r="DU5" s="18" t="s">
        <v>87</v>
      </c>
      <c r="DV5" s="18" t="s">
        <v>88</v>
      </c>
      <c r="DW5" s="18" t="s">
        <v>89</v>
      </c>
      <c r="DX5" s="18" t="s">
        <v>90</v>
      </c>
      <c r="DY5" s="18" t="s">
        <v>91</v>
      </c>
      <c r="DZ5" s="18" t="s">
        <v>92</v>
      </c>
      <c r="EA5" s="18" t="s">
        <v>93</v>
      </c>
      <c r="EB5" s="18" t="s">
        <v>94</v>
      </c>
      <c r="EC5" s="18" t="s">
        <v>95</v>
      </c>
      <c r="ED5" s="18" t="s">
        <v>96</v>
      </c>
      <c r="EE5" s="18" t="s">
        <v>86</v>
      </c>
      <c r="EF5" s="18" t="s">
        <v>87</v>
      </c>
      <c r="EG5" s="18" t="s">
        <v>88</v>
      </c>
      <c r="EH5" s="18" t="s">
        <v>89</v>
      </c>
      <c r="EI5" s="18" t="s">
        <v>90</v>
      </c>
      <c r="EJ5" s="18" t="s">
        <v>91</v>
      </c>
      <c r="EK5" s="18" t="s">
        <v>92</v>
      </c>
      <c r="EL5" s="18" t="s">
        <v>93</v>
      </c>
      <c r="EM5" s="18" t="s">
        <v>94</v>
      </c>
      <c r="EN5" s="18" t="s">
        <v>95</v>
      </c>
      <c r="EO5" s="18" t="s">
        <v>96</v>
      </c>
    </row>
    <row r="6" spans="1:145" s="22" customFormat="1" x14ac:dyDescent="0.2">
      <c r="A6" s="14" t="s">
        <v>97</v>
      </c>
      <c r="B6" s="19">
        <f>B7</f>
        <v>2022</v>
      </c>
      <c r="C6" s="19">
        <f t="shared" ref="C6:X6" si="3">C7</f>
        <v>143642</v>
      </c>
      <c r="D6" s="19">
        <f t="shared" si="3"/>
        <v>47</v>
      </c>
      <c r="E6" s="19">
        <f t="shared" si="3"/>
        <v>17</v>
      </c>
      <c r="F6" s="19">
        <f t="shared" si="3"/>
        <v>1</v>
      </c>
      <c r="G6" s="19">
        <f t="shared" si="3"/>
        <v>0</v>
      </c>
      <c r="H6" s="19" t="str">
        <f t="shared" si="3"/>
        <v>神奈川県　山北町</v>
      </c>
      <c r="I6" s="19" t="str">
        <f t="shared" si="3"/>
        <v>法非適用</v>
      </c>
      <c r="J6" s="19" t="str">
        <f t="shared" si="3"/>
        <v>下水道事業</v>
      </c>
      <c r="K6" s="19" t="str">
        <f t="shared" si="3"/>
        <v>公共下水道</v>
      </c>
      <c r="L6" s="19" t="str">
        <f t="shared" si="3"/>
        <v>Cc1</v>
      </c>
      <c r="M6" s="19" t="str">
        <f t="shared" si="3"/>
        <v>非設置</v>
      </c>
      <c r="N6" s="20" t="str">
        <f t="shared" si="3"/>
        <v>-</v>
      </c>
      <c r="O6" s="20" t="str">
        <f t="shared" si="3"/>
        <v>該当数値なし</v>
      </c>
      <c r="P6" s="20">
        <f t="shared" si="3"/>
        <v>83.64</v>
      </c>
      <c r="Q6" s="20">
        <f t="shared" si="3"/>
        <v>93.79</v>
      </c>
      <c r="R6" s="20">
        <f t="shared" si="3"/>
        <v>1485</v>
      </c>
      <c r="S6" s="20">
        <f t="shared" si="3"/>
        <v>9577</v>
      </c>
      <c r="T6" s="20">
        <f t="shared" si="3"/>
        <v>224.61</v>
      </c>
      <c r="U6" s="20">
        <f t="shared" si="3"/>
        <v>42.64</v>
      </c>
      <c r="V6" s="20">
        <f t="shared" si="3"/>
        <v>7995</v>
      </c>
      <c r="W6" s="20">
        <f t="shared" si="3"/>
        <v>3.18</v>
      </c>
      <c r="X6" s="20">
        <f t="shared" si="3"/>
        <v>2514.15</v>
      </c>
      <c r="Y6" s="21">
        <f>IF(Y7="",NA(),Y7)</f>
        <v>60.62</v>
      </c>
      <c r="Z6" s="21">
        <f t="shared" ref="Z6:AH6" si="4">IF(Z7="",NA(),Z7)</f>
        <v>56.12</v>
      </c>
      <c r="AA6" s="21">
        <f t="shared" si="4"/>
        <v>53.79</v>
      </c>
      <c r="AB6" s="21">
        <f t="shared" si="4"/>
        <v>74.11</v>
      </c>
      <c r="AC6" s="21">
        <f t="shared" si="4"/>
        <v>76.98</v>
      </c>
      <c r="AD6" s="20" t="e">
        <f t="shared" si="4"/>
        <v>#N/A</v>
      </c>
      <c r="AE6" s="20" t="e">
        <f t="shared" si="4"/>
        <v>#N/A</v>
      </c>
      <c r="AF6" s="20" t="e">
        <f t="shared" si="4"/>
        <v>#N/A</v>
      </c>
      <c r="AG6" s="20" t="e">
        <f t="shared" si="4"/>
        <v>#N/A</v>
      </c>
      <c r="AH6" s="20" t="e">
        <f t="shared" si="4"/>
        <v>#N/A</v>
      </c>
      <c r="AI6" s="20" t="str">
        <f>IF(AI7="","",IF(AI7="-","【-】","【"&amp;SUBSTITUTE(TEXT(AI7,"#,##0.00"),"-","△")&amp;"】"))</f>
        <v/>
      </c>
      <c r="AJ6" s="20" t="e">
        <f>IF(AJ7="",NA(),AJ7)</f>
        <v>#N/A</v>
      </c>
      <c r="AK6" s="20" t="e">
        <f t="shared" ref="AK6:AS6" si="5">IF(AK7="",NA(),AK7)</f>
        <v>#N/A</v>
      </c>
      <c r="AL6" s="20" t="e">
        <f t="shared" si="5"/>
        <v>#N/A</v>
      </c>
      <c r="AM6" s="20" t="e">
        <f t="shared" si="5"/>
        <v>#N/A</v>
      </c>
      <c r="AN6" s="20" t="e">
        <f t="shared" si="5"/>
        <v>#N/A</v>
      </c>
      <c r="AO6" s="20" t="e">
        <f t="shared" si="5"/>
        <v>#N/A</v>
      </c>
      <c r="AP6" s="20" t="e">
        <f t="shared" si="5"/>
        <v>#N/A</v>
      </c>
      <c r="AQ6" s="20" t="e">
        <f t="shared" si="5"/>
        <v>#N/A</v>
      </c>
      <c r="AR6" s="20" t="e">
        <f t="shared" si="5"/>
        <v>#N/A</v>
      </c>
      <c r="AS6" s="20" t="e">
        <f t="shared" si="5"/>
        <v>#N/A</v>
      </c>
      <c r="AT6" s="20" t="str">
        <f>IF(AT7="","",IF(AT7="-","【-】","【"&amp;SUBSTITUTE(TEXT(AT7,"#,##0.00"),"-","△")&amp;"】"))</f>
        <v/>
      </c>
      <c r="AU6" s="20" t="e">
        <f>IF(AU7="",NA(),AU7)</f>
        <v>#N/A</v>
      </c>
      <c r="AV6" s="20" t="e">
        <f t="shared" ref="AV6:BD6" si="6">IF(AV7="",NA(),AV7)</f>
        <v>#N/A</v>
      </c>
      <c r="AW6" s="20" t="e">
        <f t="shared" si="6"/>
        <v>#N/A</v>
      </c>
      <c r="AX6" s="20" t="e">
        <f t="shared" si="6"/>
        <v>#N/A</v>
      </c>
      <c r="AY6" s="20" t="e">
        <f t="shared" si="6"/>
        <v>#N/A</v>
      </c>
      <c r="AZ6" s="20" t="e">
        <f t="shared" si="6"/>
        <v>#N/A</v>
      </c>
      <c r="BA6" s="20" t="e">
        <f t="shared" si="6"/>
        <v>#N/A</v>
      </c>
      <c r="BB6" s="20" t="e">
        <f t="shared" si="6"/>
        <v>#N/A</v>
      </c>
      <c r="BC6" s="20" t="e">
        <f t="shared" si="6"/>
        <v>#N/A</v>
      </c>
      <c r="BD6" s="20" t="e">
        <f t="shared" si="6"/>
        <v>#N/A</v>
      </c>
      <c r="BE6" s="20" t="str">
        <f>IF(BE7="","",IF(BE7="-","【-】","【"&amp;SUBSTITUTE(TEXT(BE7,"#,##0.00"),"-","△")&amp;"】"))</f>
        <v/>
      </c>
      <c r="BF6" s="21">
        <f>IF(BF7="",NA(),BF7)</f>
        <v>1071.05</v>
      </c>
      <c r="BG6" s="21">
        <f t="shared" ref="BG6:BO6" si="7">IF(BG7="",NA(),BG7)</f>
        <v>995.23</v>
      </c>
      <c r="BH6" s="21">
        <f t="shared" si="7"/>
        <v>962.34</v>
      </c>
      <c r="BI6" s="21">
        <f t="shared" si="7"/>
        <v>1056.0999999999999</v>
      </c>
      <c r="BJ6" s="21">
        <f t="shared" si="7"/>
        <v>611.01</v>
      </c>
      <c r="BK6" s="21">
        <f t="shared" si="7"/>
        <v>958.81</v>
      </c>
      <c r="BL6" s="21">
        <f t="shared" si="7"/>
        <v>1001.3</v>
      </c>
      <c r="BM6" s="21">
        <f t="shared" si="7"/>
        <v>789.08</v>
      </c>
      <c r="BN6" s="21">
        <f t="shared" si="7"/>
        <v>747.84</v>
      </c>
      <c r="BO6" s="21">
        <f t="shared" si="7"/>
        <v>804.98</v>
      </c>
      <c r="BP6" s="20" t="str">
        <f>IF(BP7="","",IF(BP7="-","【-】","【"&amp;SUBSTITUTE(TEXT(BP7,"#,##0.00"),"-","△")&amp;"】"))</f>
        <v>【652.82】</v>
      </c>
      <c r="BQ6" s="21">
        <f>IF(BQ7="",NA(),BQ7)</f>
        <v>61.36</v>
      </c>
      <c r="BR6" s="21">
        <f t="shared" ref="BR6:BZ6" si="8">IF(BR7="",NA(),BR7)</f>
        <v>58.78</v>
      </c>
      <c r="BS6" s="21">
        <f t="shared" si="8"/>
        <v>65.42</v>
      </c>
      <c r="BT6" s="21">
        <f t="shared" si="8"/>
        <v>70.680000000000007</v>
      </c>
      <c r="BU6" s="21">
        <f t="shared" si="8"/>
        <v>71.38</v>
      </c>
      <c r="BV6" s="21">
        <f t="shared" si="8"/>
        <v>82.88</v>
      </c>
      <c r="BW6" s="21">
        <f t="shared" si="8"/>
        <v>81.88</v>
      </c>
      <c r="BX6" s="21">
        <f t="shared" si="8"/>
        <v>88.25</v>
      </c>
      <c r="BY6" s="21">
        <f t="shared" si="8"/>
        <v>90.17</v>
      </c>
      <c r="BZ6" s="21">
        <f t="shared" si="8"/>
        <v>88.71</v>
      </c>
      <c r="CA6" s="20" t="str">
        <f>IF(CA7="","",IF(CA7="-","【-】","【"&amp;SUBSTITUTE(TEXT(CA7,"#,##0.00"),"-","△")&amp;"】"))</f>
        <v>【97.61】</v>
      </c>
      <c r="CB6" s="21">
        <f>IF(CB7="",NA(),CB7)</f>
        <v>170.89</v>
      </c>
      <c r="CC6" s="21">
        <f t="shared" ref="CC6:CK6" si="9">IF(CC7="",NA(),CC7)</f>
        <v>178.47</v>
      </c>
      <c r="CD6" s="21">
        <f t="shared" si="9"/>
        <v>162.22</v>
      </c>
      <c r="CE6" s="21">
        <f t="shared" si="9"/>
        <v>150</v>
      </c>
      <c r="CF6" s="21">
        <f t="shared" si="9"/>
        <v>150</v>
      </c>
      <c r="CG6" s="21">
        <f t="shared" si="9"/>
        <v>190.99</v>
      </c>
      <c r="CH6" s="21">
        <f t="shared" si="9"/>
        <v>187.55</v>
      </c>
      <c r="CI6" s="21">
        <f t="shared" si="9"/>
        <v>176.37</v>
      </c>
      <c r="CJ6" s="21">
        <f t="shared" si="9"/>
        <v>173.17</v>
      </c>
      <c r="CK6" s="21">
        <f t="shared" si="9"/>
        <v>174.8</v>
      </c>
      <c r="CL6" s="20" t="str">
        <f>IF(CL7="","",IF(CL7="-","【-】","【"&amp;SUBSTITUTE(TEXT(CL7,"#,##0.00"),"-","△")&amp;"】"))</f>
        <v>【138.29】</v>
      </c>
      <c r="CM6" s="21" t="str">
        <f>IF(CM7="",NA(),CM7)</f>
        <v>-</v>
      </c>
      <c r="CN6" s="21" t="str">
        <f t="shared" ref="CN6:CV6" si="10">IF(CN7="",NA(),CN7)</f>
        <v>-</v>
      </c>
      <c r="CO6" s="21" t="str">
        <f t="shared" si="10"/>
        <v>-</v>
      </c>
      <c r="CP6" s="21" t="str">
        <f t="shared" si="10"/>
        <v>-</v>
      </c>
      <c r="CQ6" s="21" t="str">
        <f t="shared" si="10"/>
        <v>-</v>
      </c>
      <c r="CR6" s="21">
        <f t="shared" si="10"/>
        <v>52.58</v>
      </c>
      <c r="CS6" s="21">
        <f t="shared" si="10"/>
        <v>50.94</v>
      </c>
      <c r="CT6" s="21">
        <f t="shared" si="10"/>
        <v>56.72</v>
      </c>
      <c r="CU6" s="21">
        <f t="shared" si="10"/>
        <v>56.43</v>
      </c>
      <c r="CV6" s="21">
        <f t="shared" si="10"/>
        <v>55.82</v>
      </c>
      <c r="CW6" s="20" t="str">
        <f>IF(CW7="","",IF(CW7="-","【-】","【"&amp;SUBSTITUTE(TEXT(CW7,"#,##0.00"),"-","△")&amp;"】"))</f>
        <v>【59.10】</v>
      </c>
      <c r="CX6" s="21">
        <f>IF(CX7="",NA(),CX7)</f>
        <v>88.3</v>
      </c>
      <c r="CY6" s="21">
        <f t="shared" ref="CY6:DG6" si="11">IF(CY7="",NA(),CY7)</f>
        <v>88.29</v>
      </c>
      <c r="CZ6" s="21">
        <f t="shared" si="11"/>
        <v>89.11</v>
      </c>
      <c r="DA6" s="21">
        <f t="shared" si="11"/>
        <v>89.04</v>
      </c>
      <c r="DB6" s="21">
        <f t="shared" si="11"/>
        <v>89.64</v>
      </c>
      <c r="DC6" s="21">
        <f t="shared" si="11"/>
        <v>83.02</v>
      </c>
      <c r="DD6" s="21">
        <f t="shared" si="11"/>
        <v>82.55</v>
      </c>
      <c r="DE6" s="21">
        <f t="shared" si="11"/>
        <v>90.72</v>
      </c>
      <c r="DF6" s="21">
        <f t="shared" si="11"/>
        <v>91.07</v>
      </c>
      <c r="DG6" s="21">
        <f t="shared" si="11"/>
        <v>90.67</v>
      </c>
      <c r="DH6" s="20" t="str">
        <f>IF(DH7="","",IF(DH7="-","【-】","【"&amp;SUBSTITUTE(TEXT(DH7,"#,##0.00"),"-","△")&amp;"】"))</f>
        <v>【95.82】</v>
      </c>
      <c r="DI6" s="20" t="e">
        <f>IF(DI7="",NA(),DI7)</f>
        <v>#N/A</v>
      </c>
      <c r="DJ6" s="20" t="e">
        <f t="shared" ref="DJ6:DR6" si="12">IF(DJ7="",NA(),DJ7)</f>
        <v>#N/A</v>
      </c>
      <c r="DK6" s="20" t="e">
        <f t="shared" si="12"/>
        <v>#N/A</v>
      </c>
      <c r="DL6" s="20" t="e">
        <f t="shared" si="12"/>
        <v>#N/A</v>
      </c>
      <c r="DM6" s="20" t="e">
        <f t="shared" si="12"/>
        <v>#N/A</v>
      </c>
      <c r="DN6" s="20" t="e">
        <f t="shared" si="12"/>
        <v>#N/A</v>
      </c>
      <c r="DO6" s="20" t="e">
        <f t="shared" si="12"/>
        <v>#N/A</v>
      </c>
      <c r="DP6" s="20" t="e">
        <f t="shared" si="12"/>
        <v>#N/A</v>
      </c>
      <c r="DQ6" s="20" t="e">
        <f t="shared" si="12"/>
        <v>#N/A</v>
      </c>
      <c r="DR6" s="20" t="e">
        <f t="shared" si="12"/>
        <v>#N/A</v>
      </c>
      <c r="DS6" s="20" t="str">
        <f>IF(DS7="","",IF(DS7="-","【-】","【"&amp;SUBSTITUTE(TEXT(DS7,"#,##0.00"),"-","△")&amp;"】"))</f>
        <v/>
      </c>
      <c r="DT6" s="20" t="e">
        <f>IF(DT7="",NA(),DT7)</f>
        <v>#N/A</v>
      </c>
      <c r="DU6" s="20" t="e">
        <f t="shared" ref="DU6:EC6" si="13">IF(DU7="",NA(),DU7)</f>
        <v>#N/A</v>
      </c>
      <c r="DV6" s="20" t="e">
        <f t="shared" si="13"/>
        <v>#N/A</v>
      </c>
      <c r="DW6" s="20" t="e">
        <f t="shared" si="13"/>
        <v>#N/A</v>
      </c>
      <c r="DX6" s="20" t="e">
        <f t="shared" si="13"/>
        <v>#N/A</v>
      </c>
      <c r="DY6" s="20" t="e">
        <f t="shared" si="13"/>
        <v>#N/A</v>
      </c>
      <c r="DZ6" s="20" t="e">
        <f t="shared" si="13"/>
        <v>#N/A</v>
      </c>
      <c r="EA6" s="20" t="e">
        <f t="shared" si="13"/>
        <v>#N/A</v>
      </c>
      <c r="EB6" s="20" t="e">
        <f t="shared" si="13"/>
        <v>#N/A</v>
      </c>
      <c r="EC6" s="20" t="e">
        <f t="shared" si="13"/>
        <v>#N/A</v>
      </c>
      <c r="ED6" s="20" t="str">
        <f>IF(ED7="","",IF(ED7="-","【-】","【"&amp;SUBSTITUTE(TEXT(ED7,"#,##0.00"),"-","△")&amp;"】"))</f>
        <v/>
      </c>
      <c r="EE6" s="20">
        <f>IF(EE7="",NA(),EE7)</f>
        <v>0</v>
      </c>
      <c r="EF6" s="20">
        <f t="shared" ref="EF6:EN6" si="14">IF(EF7="",NA(),EF7)</f>
        <v>0</v>
      </c>
      <c r="EG6" s="20">
        <f t="shared" si="14"/>
        <v>0</v>
      </c>
      <c r="EH6" s="20">
        <f t="shared" si="14"/>
        <v>0</v>
      </c>
      <c r="EI6" s="20">
        <f t="shared" si="14"/>
        <v>0</v>
      </c>
      <c r="EJ6" s="21">
        <f t="shared" si="14"/>
        <v>0.13</v>
      </c>
      <c r="EK6" s="21">
        <f t="shared" si="14"/>
        <v>0.15</v>
      </c>
      <c r="EL6" s="21">
        <f t="shared" si="14"/>
        <v>0.15</v>
      </c>
      <c r="EM6" s="21">
        <f t="shared" si="14"/>
        <v>0.15</v>
      </c>
      <c r="EN6" s="21">
        <f t="shared" si="14"/>
        <v>0.12</v>
      </c>
      <c r="EO6" s="20" t="str">
        <f>IF(EO7="","",IF(EO7="-","【-】","【"&amp;SUBSTITUTE(TEXT(EO7,"#,##0.00"),"-","△")&amp;"】"))</f>
        <v>【0.23】</v>
      </c>
    </row>
    <row r="7" spans="1:145" s="22" customFormat="1" x14ac:dyDescent="0.2">
      <c r="A7" s="14"/>
      <c r="B7" s="23">
        <v>2022</v>
      </c>
      <c r="C7" s="23">
        <v>143642</v>
      </c>
      <c r="D7" s="23">
        <v>47</v>
      </c>
      <c r="E7" s="23">
        <v>17</v>
      </c>
      <c r="F7" s="23">
        <v>1</v>
      </c>
      <c r="G7" s="23">
        <v>0</v>
      </c>
      <c r="H7" s="23" t="s">
        <v>98</v>
      </c>
      <c r="I7" s="23" t="s">
        <v>99</v>
      </c>
      <c r="J7" s="23" t="s">
        <v>100</v>
      </c>
      <c r="K7" s="23" t="s">
        <v>101</v>
      </c>
      <c r="L7" s="23" t="s">
        <v>102</v>
      </c>
      <c r="M7" s="23" t="s">
        <v>103</v>
      </c>
      <c r="N7" s="24" t="s">
        <v>104</v>
      </c>
      <c r="O7" s="24" t="s">
        <v>105</v>
      </c>
      <c r="P7" s="24">
        <v>83.64</v>
      </c>
      <c r="Q7" s="24">
        <v>93.79</v>
      </c>
      <c r="R7" s="24">
        <v>1485</v>
      </c>
      <c r="S7" s="24">
        <v>9577</v>
      </c>
      <c r="T7" s="24">
        <v>224.61</v>
      </c>
      <c r="U7" s="24">
        <v>42.64</v>
      </c>
      <c r="V7" s="24">
        <v>7995</v>
      </c>
      <c r="W7" s="24">
        <v>3.18</v>
      </c>
      <c r="X7" s="24">
        <v>2514.15</v>
      </c>
      <c r="Y7" s="24">
        <v>60.62</v>
      </c>
      <c r="Z7" s="24">
        <v>56.12</v>
      </c>
      <c r="AA7" s="24">
        <v>53.79</v>
      </c>
      <c r="AB7" s="24">
        <v>74.11</v>
      </c>
      <c r="AC7" s="24">
        <v>76.98</v>
      </c>
      <c r="AD7" s="24"/>
      <c r="AE7" s="24"/>
      <c r="AF7" s="24"/>
      <c r="AG7" s="24"/>
      <c r="AH7" s="24"/>
      <c r="AI7" s="24"/>
      <c r="AJ7" s="24"/>
      <c r="AK7" s="24"/>
      <c r="AL7" s="24"/>
      <c r="AM7" s="24"/>
      <c r="AN7" s="24"/>
      <c r="AO7" s="24"/>
      <c r="AP7" s="24"/>
      <c r="AQ7" s="24"/>
      <c r="AR7" s="24"/>
      <c r="AS7" s="24"/>
      <c r="AT7" s="24"/>
      <c r="AU7" s="24"/>
      <c r="AV7" s="24"/>
      <c r="AW7" s="24"/>
      <c r="AX7" s="24"/>
      <c r="AY7" s="24"/>
      <c r="AZ7" s="24"/>
      <c r="BA7" s="24"/>
      <c r="BB7" s="24"/>
      <c r="BC7" s="24"/>
      <c r="BD7" s="24"/>
      <c r="BE7" s="24"/>
      <c r="BF7" s="24">
        <v>1071.05</v>
      </c>
      <c r="BG7" s="24">
        <v>995.23</v>
      </c>
      <c r="BH7" s="24">
        <v>962.34</v>
      </c>
      <c r="BI7" s="24">
        <v>1056.0999999999999</v>
      </c>
      <c r="BJ7" s="24">
        <v>611.01</v>
      </c>
      <c r="BK7" s="24">
        <v>958.81</v>
      </c>
      <c r="BL7" s="24">
        <v>1001.3</v>
      </c>
      <c r="BM7" s="24">
        <v>789.08</v>
      </c>
      <c r="BN7" s="24">
        <v>747.84</v>
      </c>
      <c r="BO7" s="24">
        <v>804.98</v>
      </c>
      <c r="BP7" s="24">
        <v>652.82000000000005</v>
      </c>
      <c r="BQ7" s="24">
        <v>61.36</v>
      </c>
      <c r="BR7" s="24">
        <v>58.78</v>
      </c>
      <c r="BS7" s="24">
        <v>65.42</v>
      </c>
      <c r="BT7" s="24">
        <v>70.680000000000007</v>
      </c>
      <c r="BU7" s="24">
        <v>71.38</v>
      </c>
      <c r="BV7" s="24">
        <v>82.88</v>
      </c>
      <c r="BW7" s="24">
        <v>81.88</v>
      </c>
      <c r="BX7" s="24">
        <v>88.25</v>
      </c>
      <c r="BY7" s="24">
        <v>90.17</v>
      </c>
      <c r="BZ7" s="24">
        <v>88.71</v>
      </c>
      <c r="CA7" s="24">
        <v>97.61</v>
      </c>
      <c r="CB7" s="24">
        <v>170.89</v>
      </c>
      <c r="CC7" s="24">
        <v>178.47</v>
      </c>
      <c r="CD7" s="24">
        <v>162.22</v>
      </c>
      <c r="CE7" s="24">
        <v>150</v>
      </c>
      <c r="CF7" s="24">
        <v>150</v>
      </c>
      <c r="CG7" s="24">
        <v>190.99</v>
      </c>
      <c r="CH7" s="24">
        <v>187.55</v>
      </c>
      <c r="CI7" s="24">
        <v>176.37</v>
      </c>
      <c r="CJ7" s="24">
        <v>173.17</v>
      </c>
      <c r="CK7" s="24">
        <v>174.8</v>
      </c>
      <c r="CL7" s="24">
        <v>138.29</v>
      </c>
      <c r="CM7" s="24" t="s">
        <v>104</v>
      </c>
      <c r="CN7" s="24" t="s">
        <v>104</v>
      </c>
      <c r="CO7" s="24" t="s">
        <v>104</v>
      </c>
      <c r="CP7" s="24" t="s">
        <v>104</v>
      </c>
      <c r="CQ7" s="24" t="s">
        <v>104</v>
      </c>
      <c r="CR7" s="24">
        <v>52.58</v>
      </c>
      <c r="CS7" s="24">
        <v>50.94</v>
      </c>
      <c r="CT7" s="24">
        <v>56.72</v>
      </c>
      <c r="CU7" s="24">
        <v>56.43</v>
      </c>
      <c r="CV7" s="24">
        <v>55.82</v>
      </c>
      <c r="CW7" s="24">
        <v>59.1</v>
      </c>
      <c r="CX7" s="24">
        <v>88.3</v>
      </c>
      <c r="CY7" s="24">
        <v>88.29</v>
      </c>
      <c r="CZ7" s="24">
        <v>89.11</v>
      </c>
      <c r="DA7" s="24">
        <v>89.04</v>
      </c>
      <c r="DB7" s="24">
        <v>89.64</v>
      </c>
      <c r="DC7" s="24">
        <v>83.02</v>
      </c>
      <c r="DD7" s="24">
        <v>82.55</v>
      </c>
      <c r="DE7" s="24">
        <v>90.72</v>
      </c>
      <c r="DF7" s="24">
        <v>91.07</v>
      </c>
      <c r="DG7" s="24">
        <v>90.67</v>
      </c>
      <c r="DH7" s="24">
        <v>95.82</v>
      </c>
      <c r="DI7" s="24"/>
      <c r="DJ7" s="24"/>
      <c r="DK7" s="24"/>
      <c r="DL7" s="24"/>
      <c r="DM7" s="24"/>
      <c r="DN7" s="24"/>
      <c r="DO7" s="24"/>
      <c r="DP7" s="24"/>
      <c r="DQ7" s="24"/>
      <c r="DR7" s="24"/>
      <c r="DS7" s="24"/>
      <c r="DT7" s="24"/>
      <c r="DU7" s="24"/>
      <c r="DV7" s="24"/>
      <c r="DW7" s="24"/>
      <c r="DX7" s="24"/>
      <c r="DY7" s="24"/>
      <c r="DZ7" s="24"/>
      <c r="EA7" s="24"/>
      <c r="EB7" s="24"/>
      <c r="EC7" s="24"/>
      <c r="ED7" s="24"/>
      <c r="EE7" s="24">
        <v>0</v>
      </c>
      <c r="EF7" s="24">
        <v>0</v>
      </c>
      <c r="EG7" s="24">
        <v>0</v>
      </c>
      <c r="EH7" s="24">
        <v>0</v>
      </c>
      <c r="EI7" s="24">
        <v>0</v>
      </c>
      <c r="EJ7" s="24">
        <v>0.13</v>
      </c>
      <c r="EK7" s="24">
        <v>0.15</v>
      </c>
      <c r="EL7" s="24">
        <v>0.15</v>
      </c>
      <c r="EM7" s="24">
        <v>0.15</v>
      </c>
      <c r="EN7" s="24">
        <v>0.12</v>
      </c>
      <c r="EO7" s="24">
        <v>0.23</v>
      </c>
    </row>
    <row r="8" spans="1:145"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row>
    <row r="9" spans="1:145" x14ac:dyDescent="0.2">
      <c r="A9" s="26"/>
      <c r="B9" s="26" t="s">
        <v>106</v>
      </c>
      <c r="C9" s="26" t="s">
        <v>107</v>
      </c>
      <c r="D9" s="26" t="s">
        <v>108</v>
      </c>
      <c r="E9" s="26" t="s">
        <v>109</v>
      </c>
      <c r="F9" s="26" t="s">
        <v>110</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5" x14ac:dyDescent="0.2">
      <c r="A10" s="26" t="s">
        <v>48</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5" x14ac:dyDescent="0.2">
      <c r="B11">
        <v>4</v>
      </c>
      <c r="C11">
        <v>3</v>
      </c>
      <c r="D11">
        <v>2</v>
      </c>
      <c r="E11">
        <v>1</v>
      </c>
      <c r="F11">
        <v>0</v>
      </c>
      <c r="G11" t="s">
        <v>111</v>
      </c>
    </row>
    <row r="12" spans="1:145" x14ac:dyDescent="0.2">
      <c r="B12">
        <v>1</v>
      </c>
      <c r="C12">
        <v>1</v>
      </c>
      <c r="D12">
        <v>2</v>
      </c>
      <c r="E12">
        <v>3</v>
      </c>
      <c r="F12">
        <v>4</v>
      </c>
      <c r="G12" t="s">
        <v>112</v>
      </c>
    </row>
    <row r="13" spans="1:145" x14ac:dyDescent="0.2">
      <c r="B13" t="s">
        <v>113</v>
      </c>
      <c r="C13" t="s">
        <v>114</v>
      </c>
      <c r="D13" t="s">
        <v>115</v>
      </c>
      <c r="E13" t="s">
        <v>115</v>
      </c>
      <c r="F13" t="s">
        <v>114</v>
      </c>
      <c r="G13" t="s">
        <v>116</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19T01:39:32Z</cp:lastPrinted>
  <dcterms:created xsi:type="dcterms:W3CDTF">2023-12-12T02:46:56Z</dcterms:created>
  <dcterms:modified xsi:type="dcterms:W3CDTF">2024-02-27T04:23:08Z</dcterms:modified>
  <cp:category/>
</cp:coreProperties>
</file>